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4025\group\003_入選G\01　入選\11　入学者選抜に係る記者発表資料\R5（令和６年度入選）\記者発表資料\02_R6発表資料\07_R6.02.28 共通【合格者数】\10_訂正稿\訂正（別紙４）\"/>
    </mc:Choice>
  </mc:AlternateContent>
  <bookViews>
    <workbookView xWindow="0" yWindow="0" windowWidth="28800" windowHeight="12300" activeTab="1"/>
  </bookViews>
  <sheets>
    <sheet name="普通科・クリエイティブ" sheetId="2" r:id="rId1"/>
    <sheet name="専門学科" sheetId="3" r:id="rId2"/>
    <sheet name="単位制" sheetId="7" r:id="rId3"/>
    <sheet name="定時制・通信制" sheetId="49" r:id="rId4"/>
    <sheet name="特別募集等" sheetId="14" r:id="rId5"/>
    <sheet name="Sheet1" sheetId="55" r:id="rId6"/>
  </sheets>
  <definedNames>
    <definedName name="_xlnm.Print_Area" localSheetId="1">専門学科!$A$1:$N$216</definedName>
    <definedName name="_xlnm.Print_Area" localSheetId="2">単位制!$A$1:$N$193</definedName>
    <definedName name="_xlnm.Print_Area" localSheetId="3">定時制・通信制!$A$1:$O$125</definedName>
    <definedName name="_xlnm.Print_Area" localSheetId="4">特別募集等!$A$1:$L$143</definedName>
    <definedName name="_xlnm.Print_Area" localSheetId="0">普通科・クリエイティブ!$A$1:$N$165</definedName>
    <definedName name="_xlnm.Print_Titles" localSheetId="0">普通科・クリエイティブ!$5:$9</definedName>
  </definedNames>
  <calcPr calcId="162913" calcMode="manual"/>
</workbook>
</file>

<file path=xl/sharedStrings.xml><?xml version="1.0" encoding="utf-8"?>
<sst xmlns="http://schemas.openxmlformats.org/spreadsheetml/2006/main" count="1478" uniqueCount="468">
  <si>
    <t>(A)</t>
    <phoneticPr fontId="2"/>
  </si>
  <si>
    <t>－</t>
    <phoneticPr fontId="5"/>
  </si>
  <si>
    <t>－</t>
    <phoneticPr fontId="5"/>
  </si>
  <si>
    <t>　　〃</t>
    <phoneticPr fontId="5"/>
  </si>
  <si>
    <t>県立神奈川総合産業</t>
    <phoneticPr fontId="5"/>
  </si>
  <si>
    <t>在県外国人等特別募集（全日制）</t>
    <rPh sb="0" eb="1">
      <t>ザイ</t>
    </rPh>
    <rPh sb="1" eb="2">
      <t>ケン</t>
    </rPh>
    <rPh sb="2" eb="4">
      <t>ガイコク</t>
    </rPh>
    <rPh sb="4" eb="5">
      <t>ジン</t>
    </rPh>
    <rPh sb="5" eb="6">
      <t>ナド</t>
    </rPh>
    <rPh sb="6" eb="8">
      <t>トクベツ</t>
    </rPh>
    <rPh sb="8" eb="10">
      <t>ボシュウ</t>
    </rPh>
    <rPh sb="11" eb="12">
      <t>ゼン</t>
    </rPh>
    <rPh sb="12" eb="13">
      <t>ニチ</t>
    </rPh>
    <rPh sb="13" eb="14">
      <t>セイ</t>
    </rPh>
    <phoneticPr fontId="5"/>
  </si>
  <si>
    <t>在県外国人等特別募集（定時制）</t>
    <rPh sb="0" eb="1">
      <t>ザイ</t>
    </rPh>
    <rPh sb="1" eb="2">
      <t>ケン</t>
    </rPh>
    <rPh sb="2" eb="4">
      <t>ガイコク</t>
    </rPh>
    <rPh sb="4" eb="5">
      <t>ジン</t>
    </rPh>
    <rPh sb="5" eb="6">
      <t>ナド</t>
    </rPh>
    <rPh sb="6" eb="8">
      <t>トクベツ</t>
    </rPh>
    <rPh sb="8" eb="10">
      <t>ボシュウ</t>
    </rPh>
    <rPh sb="11" eb="14">
      <t>テイジセイ</t>
    </rPh>
    <phoneticPr fontId="5"/>
  </si>
  <si>
    <t>県立相模向陽館</t>
    <rPh sb="0" eb="2">
      <t>ケンリツ</t>
    </rPh>
    <rPh sb="2" eb="4">
      <t>サガミ</t>
    </rPh>
    <rPh sb="4" eb="5">
      <t>コウ</t>
    </rPh>
    <rPh sb="5" eb="6">
      <t>ヨウ</t>
    </rPh>
    <rPh sb="6" eb="7">
      <t>カン</t>
    </rPh>
    <phoneticPr fontId="5"/>
  </si>
  <si>
    <t>単位制普通科 午前部</t>
    <rPh sb="0" eb="3">
      <t>タンイセイ</t>
    </rPh>
    <rPh sb="3" eb="5">
      <t>フツウ</t>
    </rPh>
    <rPh sb="5" eb="6">
      <t>カ</t>
    </rPh>
    <rPh sb="7" eb="9">
      <t>ゴゼン</t>
    </rPh>
    <rPh sb="9" eb="10">
      <t>ブ</t>
    </rPh>
    <phoneticPr fontId="5"/>
  </si>
  <si>
    <t>単位制普通科 午後部</t>
    <rPh sb="0" eb="3">
      <t>タンイセイ</t>
    </rPh>
    <rPh sb="3" eb="5">
      <t>フツウ</t>
    </rPh>
    <rPh sb="5" eb="6">
      <t>カ</t>
    </rPh>
    <rPh sb="7" eb="9">
      <t>ゴゴ</t>
    </rPh>
    <rPh sb="9" eb="10">
      <t>ブ</t>
    </rPh>
    <phoneticPr fontId="5"/>
  </si>
  <si>
    <t>単位制普通科 国際文化コース</t>
    <rPh sb="0" eb="3">
      <t>タンイセイ</t>
    </rPh>
    <rPh sb="3" eb="5">
      <t>フツウ</t>
    </rPh>
    <rPh sb="5" eb="6">
      <t>カ</t>
    </rPh>
    <rPh sb="7" eb="9">
      <t>コクサイ</t>
    </rPh>
    <rPh sb="9" eb="11">
      <t>ブンカ</t>
    </rPh>
    <phoneticPr fontId="5"/>
  </si>
  <si>
    <t>県立大磯</t>
    <rPh sb="0" eb="2">
      <t>ケンリツ</t>
    </rPh>
    <rPh sb="2" eb="4">
      <t>オオイソ</t>
    </rPh>
    <phoneticPr fontId="2"/>
  </si>
  <si>
    <t>県立二宮</t>
    <rPh sb="0" eb="2">
      <t>ケンリツ</t>
    </rPh>
    <rPh sb="2" eb="4">
      <t>ニノミヤ</t>
    </rPh>
    <phoneticPr fontId="2"/>
  </si>
  <si>
    <t>県立秦野曽屋</t>
    <rPh sb="0" eb="2">
      <t>ケンリツ</t>
    </rPh>
    <rPh sb="2" eb="4">
      <t>ハダノ</t>
    </rPh>
    <rPh sb="4" eb="5">
      <t>ソ</t>
    </rPh>
    <rPh sb="5" eb="6">
      <t>ヤ</t>
    </rPh>
    <phoneticPr fontId="2"/>
  </si>
  <si>
    <t>県立伊勢原</t>
    <rPh sb="0" eb="2">
      <t>ケンリツ</t>
    </rPh>
    <rPh sb="2" eb="5">
      <t>イセハラ</t>
    </rPh>
    <phoneticPr fontId="2"/>
  </si>
  <si>
    <t>県立伊志田</t>
    <rPh sb="0" eb="2">
      <t>ケンリツ</t>
    </rPh>
    <rPh sb="2" eb="3">
      <t>イ</t>
    </rPh>
    <rPh sb="3" eb="4">
      <t>シ</t>
    </rPh>
    <rPh sb="4" eb="5">
      <t>ダ</t>
    </rPh>
    <phoneticPr fontId="2"/>
  </si>
  <si>
    <t>県立足柄</t>
    <rPh sb="0" eb="2">
      <t>ケンリツ</t>
    </rPh>
    <rPh sb="2" eb="4">
      <t>アシガラ</t>
    </rPh>
    <phoneticPr fontId="2"/>
  </si>
  <si>
    <t>県立厚木西</t>
    <rPh sb="0" eb="2">
      <t>ケンリツ</t>
    </rPh>
    <rPh sb="2" eb="4">
      <t>アツギ</t>
    </rPh>
    <rPh sb="4" eb="5">
      <t>ニシ</t>
    </rPh>
    <phoneticPr fontId="2"/>
  </si>
  <si>
    <t>県立海老名</t>
    <rPh sb="0" eb="2">
      <t>ケンリツ</t>
    </rPh>
    <rPh sb="2" eb="5">
      <t>エビナ</t>
    </rPh>
    <phoneticPr fontId="2"/>
  </si>
  <si>
    <t>県立愛川</t>
    <rPh sb="0" eb="2">
      <t>ケンリツ</t>
    </rPh>
    <rPh sb="2" eb="3">
      <t>アイコウ</t>
    </rPh>
    <rPh sb="3" eb="4">
      <t>カワ</t>
    </rPh>
    <phoneticPr fontId="2"/>
  </si>
  <si>
    <t>県立大和南</t>
    <rPh sb="0" eb="2">
      <t>ケンリツ</t>
    </rPh>
    <rPh sb="2" eb="4">
      <t>ヤマト</t>
    </rPh>
    <rPh sb="4" eb="5">
      <t>ミナミ</t>
    </rPh>
    <phoneticPr fontId="2"/>
  </si>
  <si>
    <t>県立大和西</t>
    <rPh sb="0" eb="2">
      <t>ケンリツ</t>
    </rPh>
    <rPh sb="2" eb="4">
      <t>ヤマト</t>
    </rPh>
    <rPh sb="4" eb="5">
      <t>ニシ</t>
    </rPh>
    <phoneticPr fontId="2"/>
  </si>
  <si>
    <t>県立座間</t>
    <rPh sb="0" eb="2">
      <t>ケンリツ</t>
    </rPh>
    <rPh sb="2" eb="4">
      <t>ザマ</t>
    </rPh>
    <phoneticPr fontId="2"/>
  </si>
  <si>
    <t>県立綾瀬</t>
    <rPh sb="0" eb="2">
      <t>ケンリツ</t>
    </rPh>
    <rPh sb="2" eb="4">
      <t>アヤセ</t>
    </rPh>
    <phoneticPr fontId="2"/>
  </si>
  <si>
    <t>県立麻溝台</t>
    <rPh sb="0" eb="2">
      <t>ケンリツ</t>
    </rPh>
    <rPh sb="2" eb="5">
      <t>アサミゾダイ</t>
    </rPh>
    <phoneticPr fontId="2"/>
  </si>
  <si>
    <t>県立上鶴間</t>
    <rPh sb="0" eb="2">
      <t>ケンリツ</t>
    </rPh>
    <rPh sb="2" eb="5">
      <t>カミツルマ</t>
    </rPh>
    <phoneticPr fontId="2"/>
  </si>
  <si>
    <t>県立上溝</t>
    <rPh sb="0" eb="2">
      <t>ケンリツ</t>
    </rPh>
    <rPh sb="2" eb="4">
      <t>カミミゾ</t>
    </rPh>
    <phoneticPr fontId="2"/>
  </si>
  <si>
    <t>県立上溝南</t>
    <rPh sb="0" eb="2">
      <t>ケンリツ</t>
    </rPh>
    <rPh sb="2" eb="4">
      <t>カミミゾ</t>
    </rPh>
    <rPh sb="4" eb="5">
      <t>ミナミ</t>
    </rPh>
    <phoneticPr fontId="2"/>
  </si>
  <si>
    <t>県立橋本</t>
    <rPh sb="0" eb="2">
      <t>ケンリツ</t>
    </rPh>
    <rPh sb="2" eb="4">
      <t>ハシモト</t>
    </rPh>
    <phoneticPr fontId="2"/>
  </si>
  <si>
    <t>県立相模田名</t>
    <rPh sb="0" eb="2">
      <t>ケンリツ</t>
    </rPh>
    <rPh sb="2" eb="4">
      <t>サガミ</t>
    </rPh>
    <rPh sb="4" eb="6">
      <t>タナ</t>
    </rPh>
    <phoneticPr fontId="2"/>
  </si>
  <si>
    <t>県　立　計</t>
    <phoneticPr fontId="2"/>
  </si>
  <si>
    <t>川崎市立橘</t>
    <rPh sb="0" eb="2">
      <t>カワサキ</t>
    </rPh>
    <rPh sb="2" eb="4">
      <t>シリツ</t>
    </rPh>
    <rPh sb="4" eb="5">
      <t>タチバナ</t>
    </rPh>
    <phoneticPr fontId="2"/>
  </si>
  <si>
    <t>川崎市立高津</t>
    <rPh sb="0" eb="2">
      <t>カワサキ</t>
    </rPh>
    <rPh sb="2" eb="4">
      <t>シリツ</t>
    </rPh>
    <rPh sb="4" eb="6">
      <t>タカツ</t>
    </rPh>
    <phoneticPr fontId="2"/>
  </si>
  <si>
    <t>合　　計</t>
    <phoneticPr fontId="2"/>
  </si>
  <si>
    <t>　　〃</t>
    <phoneticPr fontId="5"/>
  </si>
  <si>
    <t>　　〃</t>
    <phoneticPr fontId="5"/>
  </si>
  <si>
    <t>　　〃</t>
    <phoneticPr fontId="5"/>
  </si>
  <si>
    <t>　　〃</t>
    <phoneticPr fontId="5"/>
  </si>
  <si>
    <t>　　〃</t>
    <phoneticPr fontId="5"/>
  </si>
  <si>
    <t>　　〃</t>
    <phoneticPr fontId="5"/>
  </si>
  <si>
    <t>　　〃</t>
    <phoneticPr fontId="5"/>
  </si>
  <si>
    <t>　　〃</t>
    <phoneticPr fontId="5"/>
  </si>
  <si>
    <t>　　〃</t>
    <phoneticPr fontId="5"/>
  </si>
  <si>
    <t>(C)</t>
    <phoneticPr fontId="5"/>
  </si>
  <si>
    <t>　　〃</t>
    <phoneticPr fontId="5"/>
  </si>
  <si>
    <t>競争率</t>
    <phoneticPr fontId="2"/>
  </si>
  <si>
    <t>－</t>
    <phoneticPr fontId="5"/>
  </si>
  <si>
    <t>普通科</t>
  </si>
  <si>
    <t>単位制普通科</t>
  </si>
  <si>
    <t>普通科個性化コース</t>
    <rPh sb="0" eb="3">
      <t>フツウカ</t>
    </rPh>
    <rPh sb="3" eb="6">
      <t>コセイカ</t>
    </rPh>
    <phoneticPr fontId="2"/>
  </si>
  <si>
    <t>普通科国際文化コース</t>
    <rPh sb="0" eb="3">
      <t>フツウカ</t>
    </rPh>
    <rPh sb="3" eb="5">
      <t>コクサイ</t>
    </rPh>
    <rPh sb="5" eb="7">
      <t>ブンカ</t>
    </rPh>
    <phoneticPr fontId="2"/>
  </si>
  <si>
    <t>横浜市立南</t>
    <rPh sb="0" eb="2">
      <t>ヨコハマ</t>
    </rPh>
    <rPh sb="2" eb="4">
      <t>イチリツ</t>
    </rPh>
    <rPh sb="4" eb="5">
      <t>ミナミ</t>
    </rPh>
    <phoneticPr fontId="2"/>
  </si>
  <si>
    <t>共通選抜</t>
    <rPh sb="0" eb="2">
      <t>キョウツウ</t>
    </rPh>
    <rPh sb="2" eb="4">
      <t>センバツ</t>
    </rPh>
    <phoneticPr fontId="2"/>
  </si>
  <si>
    <t>県立市ケ尾</t>
    <rPh sb="0" eb="2">
      <t>ケンリツ</t>
    </rPh>
    <rPh sb="2" eb="3">
      <t>シ</t>
    </rPh>
    <rPh sb="4" eb="5">
      <t>オ</t>
    </rPh>
    <phoneticPr fontId="2"/>
  </si>
  <si>
    <t>県立希望ケ丘</t>
    <rPh sb="0" eb="2">
      <t>ケンリツ</t>
    </rPh>
    <rPh sb="2" eb="4">
      <t>キボウ</t>
    </rPh>
    <rPh sb="5" eb="6">
      <t>オカ</t>
    </rPh>
    <phoneticPr fontId="2"/>
  </si>
  <si>
    <t>県立保土ケ谷</t>
    <rPh sb="0" eb="2">
      <t>ケンリツ</t>
    </rPh>
    <rPh sb="2" eb="6">
      <t>ホドガヤ</t>
    </rPh>
    <phoneticPr fontId="2"/>
  </si>
  <si>
    <t>県立横浜緑ケ丘</t>
    <rPh sb="0" eb="2">
      <t>ケンリツ</t>
    </rPh>
    <rPh sb="2" eb="4">
      <t>ヨコハマ</t>
    </rPh>
    <rPh sb="4" eb="7">
      <t>ミドリガオカ</t>
    </rPh>
    <phoneticPr fontId="2"/>
  </si>
  <si>
    <t>県立愛川</t>
    <rPh sb="0" eb="2">
      <t>ケンリツ</t>
    </rPh>
    <rPh sb="2" eb="4">
      <t>アイカワ</t>
    </rPh>
    <phoneticPr fontId="2"/>
  </si>
  <si>
    <t>募集定員</t>
    <rPh sb="0" eb="2">
      <t>ボシュウ</t>
    </rPh>
    <rPh sb="2" eb="4">
      <t>テイイン</t>
    </rPh>
    <phoneticPr fontId="2"/>
  </si>
  <si>
    <t xml:space="preserve"> 学 校 名</t>
    <rPh sb="1" eb="2">
      <t>ガク</t>
    </rPh>
    <rPh sb="3" eb="4">
      <t>コウ</t>
    </rPh>
    <rPh sb="5" eb="6">
      <t>メイ</t>
    </rPh>
    <phoneticPr fontId="2"/>
  </si>
  <si>
    <t>共通選抜合格者数</t>
    <rPh sb="0" eb="2">
      <t>キョウツウ</t>
    </rPh>
    <rPh sb="2" eb="4">
      <t>センバツ</t>
    </rPh>
    <rPh sb="4" eb="7">
      <t>ゴウカクシャ</t>
    </rPh>
    <rPh sb="7" eb="8">
      <t>スウ</t>
    </rPh>
    <phoneticPr fontId="2"/>
  </si>
  <si>
    <t xml:space="preserve"> 学 科 名</t>
    <rPh sb="1" eb="2">
      <t>ガク</t>
    </rPh>
    <rPh sb="3" eb="4">
      <t>カ</t>
    </rPh>
    <rPh sb="5" eb="6">
      <t>ナ</t>
    </rPh>
    <phoneticPr fontId="2"/>
  </si>
  <si>
    <t>横浜市立金沢</t>
    <rPh sb="0" eb="2">
      <t>ヨコハマ</t>
    </rPh>
    <rPh sb="2" eb="4">
      <t>イチリツ</t>
    </rPh>
    <rPh sb="4" eb="6">
      <t>カナザワ</t>
    </rPh>
    <phoneticPr fontId="2"/>
  </si>
  <si>
    <t>県立川崎</t>
    <rPh sb="0" eb="2">
      <t>ケンリツ</t>
    </rPh>
    <rPh sb="2" eb="4">
      <t>カワサキ</t>
    </rPh>
    <phoneticPr fontId="2"/>
  </si>
  <si>
    <t>合　　計</t>
    <rPh sb="0" eb="4">
      <t>ゴウケイ</t>
    </rPh>
    <phoneticPr fontId="2"/>
  </si>
  <si>
    <t>普通科</t>
    <rPh sb="0" eb="2">
      <t>フツウ</t>
    </rPh>
    <rPh sb="2" eb="3">
      <t>カ</t>
    </rPh>
    <phoneticPr fontId="5"/>
  </si>
  <si>
    <t>県立横須賀</t>
    <rPh sb="0" eb="2">
      <t>ケンリツ</t>
    </rPh>
    <rPh sb="2" eb="5">
      <t>ヨコスカ</t>
    </rPh>
    <phoneticPr fontId="2"/>
  </si>
  <si>
    <t>県立湘南</t>
    <rPh sb="0" eb="2">
      <t>ケンリツ</t>
    </rPh>
    <rPh sb="2" eb="4">
      <t>ショウナン</t>
    </rPh>
    <phoneticPr fontId="2"/>
  </si>
  <si>
    <t>県立津久井</t>
    <rPh sb="0" eb="2">
      <t>ケンリツ</t>
    </rPh>
    <rPh sb="2" eb="5">
      <t>ツクイ</t>
    </rPh>
    <phoneticPr fontId="2"/>
  </si>
  <si>
    <t>県立神奈川工業</t>
    <rPh sb="0" eb="2">
      <t>ケンリツ</t>
    </rPh>
    <rPh sb="2" eb="5">
      <t>カナガワ</t>
    </rPh>
    <rPh sb="5" eb="7">
      <t>コウギョウ</t>
    </rPh>
    <phoneticPr fontId="2"/>
  </si>
  <si>
    <t>普通科</t>
    <rPh sb="0" eb="2">
      <t>フツウ</t>
    </rPh>
    <rPh sb="2" eb="3">
      <t>カ</t>
    </rPh>
    <phoneticPr fontId="2"/>
  </si>
  <si>
    <t>県立西湘</t>
    <rPh sb="0" eb="2">
      <t>ケンリツ</t>
    </rPh>
    <rPh sb="2" eb="4">
      <t>セイショウ</t>
    </rPh>
    <phoneticPr fontId="2"/>
  </si>
  <si>
    <t>県立厚木清南</t>
    <rPh sb="0" eb="2">
      <t>ケンリツ</t>
    </rPh>
    <rPh sb="2" eb="4">
      <t>アツギ</t>
    </rPh>
    <rPh sb="4" eb="6">
      <t>セイナン</t>
    </rPh>
    <phoneticPr fontId="2"/>
  </si>
  <si>
    <t>県立神奈川総合産業</t>
    <rPh sb="0" eb="2">
      <t>ケンリツ</t>
    </rPh>
    <rPh sb="2" eb="5">
      <t>カナガワ</t>
    </rPh>
    <rPh sb="5" eb="7">
      <t>ソウゴウ</t>
    </rPh>
    <rPh sb="7" eb="9">
      <t>サンギョウ</t>
    </rPh>
    <phoneticPr fontId="2"/>
  </si>
  <si>
    <t>総合産業科</t>
    <rPh sb="0" eb="2">
      <t>ソウゴウ</t>
    </rPh>
    <rPh sb="2" eb="4">
      <t>サンギョウ</t>
    </rPh>
    <rPh sb="4" eb="5">
      <t>カ</t>
    </rPh>
    <phoneticPr fontId="2"/>
  </si>
  <si>
    <t>県立白山</t>
    <rPh sb="0" eb="2">
      <t>ケンリツ</t>
    </rPh>
    <rPh sb="2" eb="4">
      <t>ハクサン</t>
    </rPh>
    <phoneticPr fontId="2"/>
  </si>
  <si>
    <t>県立荏田</t>
    <rPh sb="0" eb="2">
      <t>ケンリツ</t>
    </rPh>
    <rPh sb="2" eb="4">
      <t>エダ</t>
    </rPh>
    <phoneticPr fontId="2"/>
  </si>
  <si>
    <t>県立上矢部</t>
    <rPh sb="0" eb="2">
      <t>ケンリツ</t>
    </rPh>
    <rPh sb="2" eb="5">
      <t>カミヤベ</t>
    </rPh>
    <phoneticPr fontId="2"/>
  </si>
  <si>
    <t>県立横浜南陵</t>
    <rPh sb="0" eb="2">
      <t>ケンリツ</t>
    </rPh>
    <rPh sb="2" eb="4">
      <t>ヨコハマ</t>
    </rPh>
    <rPh sb="4" eb="6">
      <t>ナンリョウ</t>
    </rPh>
    <phoneticPr fontId="2"/>
  </si>
  <si>
    <t>県立生田</t>
    <rPh sb="0" eb="2">
      <t>ケンリツ</t>
    </rPh>
    <rPh sb="2" eb="4">
      <t>イクタ</t>
    </rPh>
    <phoneticPr fontId="2"/>
  </si>
  <si>
    <t>県立高浜</t>
    <rPh sb="0" eb="2">
      <t>ケンリツ</t>
    </rPh>
    <rPh sb="2" eb="4">
      <t>タカハマ</t>
    </rPh>
    <phoneticPr fontId="2"/>
  </si>
  <si>
    <t>県立山北</t>
    <rPh sb="0" eb="2">
      <t>ケンリツ</t>
    </rPh>
    <rPh sb="2" eb="4">
      <t>ヤマキタ</t>
    </rPh>
    <phoneticPr fontId="2"/>
  </si>
  <si>
    <t>県立厚木北</t>
    <rPh sb="0" eb="2">
      <t>ケンリツ</t>
    </rPh>
    <rPh sb="2" eb="4">
      <t>アツギ</t>
    </rPh>
    <rPh sb="4" eb="5">
      <t>キタ</t>
    </rPh>
    <phoneticPr fontId="2"/>
  </si>
  <si>
    <t>県立有馬</t>
    <rPh sb="0" eb="2">
      <t>ケンリツ</t>
    </rPh>
    <rPh sb="2" eb="4">
      <t>アリマ</t>
    </rPh>
    <phoneticPr fontId="2"/>
  </si>
  <si>
    <t>－</t>
    <phoneticPr fontId="2"/>
  </si>
  <si>
    <t>県立綾瀬西</t>
    <rPh sb="0" eb="2">
      <t>ケンリツ</t>
    </rPh>
    <rPh sb="2" eb="4">
      <t>アヤセ</t>
    </rPh>
    <rPh sb="4" eb="5">
      <t>ニシ</t>
    </rPh>
    <phoneticPr fontId="2"/>
  </si>
  <si>
    <t>食品科学科</t>
    <rPh sb="0" eb="2">
      <t>ショクヒン</t>
    </rPh>
    <rPh sb="2" eb="5">
      <t>カガクカ</t>
    </rPh>
    <phoneticPr fontId="2"/>
  </si>
  <si>
    <t>園芸科学科</t>
    <rPh sb="0" eb="2">
      <t>エンゲイ</t>
    </rPh>
    <rPh sb="2" eb="5">
      <t>カガクカ</t>
    </rPh>
    <phoneticPr fontId="2"/>
  </si>
  <si>
    <t>計</t>
    <rPh sb="0" eb="1">
      <t>ケイ</t>
    </rPh>
    <phoneticPr fontId="2"/>
  </si>
  <si>
    <t>県立相原</t>
    <rPh sb="0" eb="2">
      <t>ケンリツ</t>
    </rPh>
    <rPh sb="2" eb="4">
      <t>アイハラ</t>
    </rPh>
    <phoneticPr fontId="2"/>
  </si>
  <si>
    <t>畜産科学科</t>
    <rPh sb="0" eb="2">
      <t>チクサンカ</t>
    </rPh>
    <rPh sb="2" eb="5">
      <t>カガクカ</t>
    </rPh>
    <phoneticPr fontId="2"/>
  </si>
  <si>
    <t>受検後</t>
    <rPh sb="0" eb="2">
      <t>ジュケン</t>
    </rPh>
    <rPh sb="2" eb="3">
      <t>ゴ</t>
    </rPh>
    <phoneticPr fontId="5"/>
  </si>
  <si>
    <t>欠員</t>
    <rPh sb="0" eb="2">
      <t>ケツイン</t>
    </rPh>
    <phoneticPr fontId="5"/>
  </si>
  <si>
    <t>県立中央農業</t>
    <rPh sb="0" eb="2">
      <t>ケンリツ</t>
    </rPh>
    <rPh sb="2" eb="4">
      <t>チュウオウ</t>
    </rPh>
    <rPh sb="4" eb="6">
      <t>ノウギョウ</t>
    </rPh>
    <phoneticPr fontId="2"/>
  </si>
  <si>
    <t>機械科</t>
    <rPh sb="0" eb="3">
      <t>キカイカ</t>
    </rPh>
    <phoneticPr fontId="2"/>
  </si>
  <si>
    <t>建設科</t>
    <rPh sb="0" eb="3">
      <t>ケンセツカ</t>
    </rPh>
    <phoneticPr fontId="2"/>
  </si>
  <si>
    <t>電気科</t>
    <rPh sb="0" eb="3">
      <t>デンキカ</t>
    </rPh>
    <phoneticPr fontId="2"/>
  </si>
  <si>
    <t>デザイン科</t>
    <rPh sb="4" eb="5">
      <t>カ</t>
    </rPh>
    <phoneticPr fontId="2"/>
  </si>
  <si>
    <t>県立商工</t>
    <rPh sb="0" eb="2">
      <t>ケンリツ</t>
    </rPh>
    <rPh sb="2" eb="4">
      <t>ショウコウ</t>
    </rPh>
    <phoneticPr fontId="2"/>
  </si>
  <si>
    <t>化学科</t>
    <rPh sb="0" eb="3">
      <t>カガクカ</t>
    </rPh>
    <phoneticPr fontId="2"/>
  </si>
  <si>
    <t>県立磯子工業</t>
    <rPh sb="0" eb="2">
      <t>ケンリツ</t>
    </rPh>
    <rPh sb="2" eb="4">
      <t>イソゴ</t>
    </rPh>
    <rPh sb="4" eb="6">
      <t>コウギョウ</t>
    </rPh>
    <phoneticPr fontId="2"/>
  </si>
  <si>
    <t>県立向の岡工業</t>
    <rPh sb="0" eb="2">
      <t>ケンリツ</t>
    </rPh>
    <rPh sb="2" eb="3">
      <t>ム</t>
    </rPh>
    <rPh sb="4" eb="5">
      <t>オカ</t>
    </rPh>
    <rPh sb="5" eb="7">
      <t>コウギョウ</t>
    </rPh>
    <phoneticPr fontId="2"/>
  </si>
  <si>
    <t>県立横須賀工業</t>
    <rPh sb="0" eb="2">
      <t>ケンリツ</t>
    </rPh>
    <rPh sb="2" eb="5">
      <t>ヨコスカ</t>
    </rPh>
    <rPh sb="5" eb="7">
      <t>コウギョウ</t>
    </rPh>
    <phoneticPr fontId="2"/>
  </si>
  <si>
    <t>県立平塚工科</t>
    <rPh sb="0" eb="2">
      <t>ケンリツ</t>
    </rPh>
    <rPh sb="2" eb="4">
      <t>ヒラツカ</t>
    </rPh>
    <rPh sb="4" eb="6">
      <t>コウカ</t>
    </rPh>
    <phoneticPr fontId="2"/>
  </si>
  <si>
    <t>総合技術科</t>
    <rPh sb="0" eb="2">
      <t>ソウゴウ</t>
    </rPh>
    <rPh sb="2" eb="4">
      <t>ギジュツ</t>
    </rPh>
    <rPh sb="4" eb="5">
      <t>カ</t>
    </rPh>
    <phoneticPr fontId="2"/>
  </si>
  <si>
    <t>県立藤沢工科</t>
    <rPh sb="0" eb="2">
      <t>ケンリツ</t>
    </rPh>
    <rPh sb="2" eb="4">
      <t>フジサワ</t>
    </rPh>
    <rPh sb="4" eb="6">
      <t>コウカ</t>
    </rPh>
    <phoneticPr fontId="2"/>
  </si>
  <si>
    <t>県立小田原城北工業</t>
    <rPh sb="0" eb="2">
      <t>ケンリツ</t>
    </rPh>
    <rPh sb="2" eb="5">
      <t>オダワラ</t>
    </rPh>
    <rPh sb="5" eb="7">
      <t>ジョウホク</t>
    </rPh>
    <rPh sb="7" eb="9">
      <t>コウギョウ</t>
    </rPh>
    <phoneticPr fontId="2"/>
  </si>
  <si>
    <t>川崎市立川崎総合科学</t>
    <rPh sb="0" eb="2">
      <t>カワサキ</t>
    </rPh>
    <rPh sb="2" eb="4">
      <t>ヨコハマイチリツ</t>
    </rPh>
    <rPh sb="4" eb="6">
      <t>カワサキ</t>
    </rPh>
    <rPh sb="6" eb="8">
      <t>ソウゴウ</t>
    </rPh>
    <rPh sb="8" eb="10">
      <t>カガク</t>
    </rPh>
    <phoneticPr fontId="2"/>
  </si>
  <si>
    <t>情報工学科</t>
    <rPh sb="0" eb="2">
      <t>ジョウホウ</t>
    </rPh>
    <rPh sb="2" eb="5">
      <t>コウガクカ</t>
    </rPh>
    <phoneticPr fontId="2"/>
  </si>
  <si>
    <t>総合電気科</t>
    <rPh sb="0" eb="2">
      <t>ソウゴウ</t>
    </rPh>
    <rPh sb="2" eb="5">
      <t>デンキカ</t>
    </rPh>
    <phoneticPr fontId="2"/>
  </si>
  <si>
    <t>電子機械科</t>
    <rPh sb="0" eb="2">
      <t>デンシ</t>
    </rPh>
    <rPh sb="2" eb="5">
      <t>キカイカ</t>
    </rPh>
    <phoneticPr fontId="2"/>
  </si>
  <si>
    <t>建設工学科</t>
    <rPh sb="0" eb="2">
      <t>ケンセツ</t>
    </rPh>
    <rPh sb="2" eb="5">
      <t>コウガクカ</t>
    </rPh>
    <phoneticPr fontId="2"/>
  </si>
  <si>
    <t>商業科</t>
    <rPh sb="0" eb="3">
      <t>ショウギョウカ</t>
    </rPh>
    <phoneticPr fontId="2"/>
  </si>
  <si>
    <t>横浜市立横浜商業</t>
    <rPh sb="0" eb="4">
      <t>ヨコハマイチリツ</t>
    </rPh>
    <rPh sb="4" eb="6">
      <t>ヨコハマ</t>
    </rPh>
    <rPh sb="6" eb="8">
      <t>ショウギョウ</t>
    </rPh>
    <phoneticPr fontId="2"/>
  </si>
  <si>
    <t>川崎市立川崎</t>
    <rPh sb="0" eb="2">
      <t>カワサキ</t>
    </rPh>
    <rPh sb="2" eb="4">
      <t>イチリツ</t>
    </rPh>
    <rPh sb="4" eb="6">
      <t>カワサキ</t>
    </rPh>
    <phoneticPr fontId="2"/>
  </si>
  <si>
    <t>生活科学科</t>
    <rPh sb="0" eb="2">
      <t>セイカツ</t>
    </rPh>
    <rPh sb="2" eb="3">
      <t>カ</t>
    </rPh>
    <rPh sb="3" eb="5">
      <t>カガクカ</t>
    </rPh>
    <phoneticPr fontId="2"/>
  </si>
  <si>
    <t>県立二俣川看護福祉</t>
    <rPh sb="0" eb="2">
      <t>ケンリツ</t>
    </rPh>
    <rPh sb="2" eb="5">
      <t>フタマタガワ</t>
    </rPh>
    <rPh sb="5" eb="7">
      <t>カンゴ</t>
    </rPh>
    <rPh sb="7" eb="9">
      <t>フクシ</t>
    </rPh>
    <phoneticPr fontId="2"/>
  </si>
  <si>
    <t>看護科</t>
    <rPh sb="0" eb="3">
      <t>カンゴカ</t>
    </rPh>
    <phoneticPr fontId="2"/>
  </si>
  <si>
    <t>福祉科</t>
    <rPh sb="0" eb="3">
      <t>フクシカ</t>
    </rPh>
    <phoneticPr fontId="2"/>
  </si>
  <si>
    <t>川崎市立川崎総合科学</t>
    <rPh sb="0" eb="2">
      <t>カワサキ</t>
    </rPh>
    <rPh sb="2" eb="4">
      <t>イチリツ</t>
    </rPh>
    <rPh sb="4" eb="6">
      <t>カワサキ</t>
    </rPh>
    <rPh sb="6" eb="8">
      <t>ソウゴウ</t>
    </rPh>
    <rPh sb="8" eb="10">
      <t>カガク</t>
    </rPh>
    <phoneticPr fontId="2"/>
  </si>
  <si>
    <t>科学科</t>
    <rPh sb="0" eb="2">
      <t>カガク</t>
    </rPh>
    <rPh sb="2" eb="3">
      <t>カガクカ</t>
    </rPh>
    <phoneticPr fontId="2"/>
  </si>
  <si>
    <t>横浜市立横浜商業</t>
    <rPh sb="0" eb="4">
      <t>ヨコハマシリツ</t>
    </rPh>
    <rPh sb="4" eb="6">
      <t>ヨコハマ</t>
    </rPh>
    <rPh sb="6" eb="8">
      <t>ショウギョウ</t>
    </rPh>
    <phoneticPr fontId="2"/>
  </si>
  <si>
    <t>国際学科</t>
    <rPh sb="0" eb="2">
      <t>コクサイ</t>
    </rPh>
    <rPh sb="2" eb="4">
      <t>ガッカ</t>
    </rPh>
    <phoneticPr fontId="2"/>
  </si>
  <si>
    <t>川崎市立橘</t>
    <rPh sb="0" eb="2">
      <t>カワサキ</t>
    </rPh>
    <rPh sb="2" eb="4">
      <t>イチリツ</t>
    </rPh>
    <rPh sb="4" eb="5">
      <t>タチバナ</t>
    </rPh>
    <phoneticPr fontId="2"/>
  </si>
  <si>
    <t>国際科</t>
    <rPh sb="0" eb="3">
      <t>コクサイカ</t>
    </rPh>
    <phoneticPr fontId="2"/>
  </si>
  <si>
    <t>スポーツ科</t>
    <rPh sb="4" eb="5">
      <t>カガクカ</t>
    </rPh>
    <phoneticPr fontId="2"/>
  </si>
  <si>
    <t>県立神奈川総合</t>
    <rPh sb="0" eb="2">
      <t>ケンリツ</t>
    </rPh>
    <rPh sb="2" eb="5">
      <t>カナガワ</t>
    </rPh>
    <rPh sb="5" eb="7">
      <t>ソウゴウ</t>
    </rPh>
    <phoneticPr fontId="2"/>
  </si>
  <si>
    <t>県立横浜旭陵</t>
    <rPh sb="0" eb="2">
      <t>ケンリツ</t>
    </rPh>
    <rPh sb="2" eb="4">
      <t>ヨコハマ</t>
    </rPh>
    <rPh sb="4" eb="6">
      <t>キョクリョウ</t>
    </rPh>
    <phoneticPr fontId="2"/>
  </si>
  <si>
    <t>普通科</t>
    <rPh sb="0" eb="3">
      <t>フツウカ</t>
    </rPh>
    <phoneticPr fontId="2"/>
  </si>
  <si>
    <t>県立横浜桜陽</t>
    <rPh sb="0" eb="2">
      <t>ケンリツ</t>
    </rPh>
    <rPh sb="2" eb="4">
      <t>ヨコハマ</t>
    </rPh>
    <rPh sb="4" eb="5">
      <t>オウ</t>
    </rPh>
    <rPh sb="5" eb="6">
      <t>ヨウ</t>
    </rPh>
    <phoneticPr fontId="2"/>
  </si>
  <si>
    <t>県立小田原</t>
    <rPh sb="0" eb="2">
      <t>ケンリツ</t>
    </rPh>
    <rPh sb="2" eb="5">
      <t>オダワラ</t>
    </rPh>
    <phoneticPr fontId="2"/>
  </si>
  <si>
    <t>横浜市立東</t>
    <rPh sb="0" eb="4">
      <t>ヨコハマシリツ</t>
    </rPh>
    <rPh sb="4" eb="5">
      <t>ヒガシ</t>
    </rPh>
    <phoneticPr fontId="2"/>
  </si>
  <si>
    <t>合格者数</t>
    <rPh sb="0" eb="3">
      <t>ゴウカクシャ</t>
    </rPh>
    <rPh sb="3" eb="4">
      <t>カズ</t>
    </rPh>
    <phoneticPr fontId="2"/>
  </si>
  <si>
    <t>(C)</t>
    <phoneticPr fontId="2"/>
  </si>
  <si>
    <t>受検後</t>
    <rPh sb="0" eb="2">
      <t>ジュケン</t>
    </rPh>
    <rPh sb="2" eb="3">
      <t>ゴ</t>
    </rPh>
    <phoneticPr fontId="2"/>
  </si>
  <si>
    <t>取消者数</t>
    <rPh sb="0" eb="2">
      <t>トリケシ</t>
    </rPh>
    <rPh sb="2" eb="3">
      <t>シャ</t>
    </rPh>
    <rPh sb="3" eb="4">
      <t>カズ</t>
    </rPh>
    <phoneticPr fontId="2"/>
  </si>
  <si>
    <t>欠員</t>
    <rPh sb="0" eb="1">
      <t>ケツ</t>
    </rPh>
    <rPh sb="1" eb="2">
      <t>イン</t>
    </rPh>
    <phoneticPr fontId="2"/>
  </si>
  <si>
    <t>横浜市立桜丘</t>
    <rPh sb="0" eb="4">
      <t>ヨコハマシリツ</t>
    </rPh>
    <rPh sb="4" eb="6">
      <t>サクラガオカ</t>
    </rPh>
    <phoneticPr fontId="2"/>
  </si>
  <si>
    <t>横浜市立戸塚</t>
    <rPh sb="0" eb="4">
      <t>ヨコハマシリツ</t>
    </rPh>
    <rPh sb="4" eb="6">
      <t>トツカ</t>
    </rPh>
    <phoneticPr fontId="2"/>
  </si>
  <si>
    <t>県立鶴見総合</t>
    <rPh sb="0" eb="2">
      <t>ケンリツ</t>
    </rPh>
    <rPh sb="2" eb="4">
      <t>ツルミ</t>
    </rPh>
    <rPh sb="4" eb="6">
      <t>ソウゴウ</t>
    </rPh>
    <phoneticPr fontId="2"/>
  </si>
  <si>
    <t>総合学科</t>
    <rPh sb="0" eb="2">
      <t>ソウゴウ</t>
    </rPh>
    <rPh sb="2" eb="4">
      <t>ガッカ</t>
    </rPh>
    <phoneticPr fontId="2"/>
  </si>
  <si>
    <t>県立金沢総合</t>
    <rPh sb="0" eb="2">
      <t>ケンリツ</t>
    </rPh>
    <rPh sb="2" eb="4">
      <t>カナザワ</t>
    </rPh>
    <rPh sb="4" eb="6">
      <t>ソウゴウ</t>
    </rPh>
    <phoneticPr fontId="2"/>
  </si>
  <si>
    <t>県立大師</t>
    <rPh sb="0" eb="2">
      <t>ケンリツ</t>
    </rPh>
    <rPh sb="2" eb="4">
      <t>ダイシ</t>
    </rPh>
    <phoneticPr fontId="2"/>
  </si>
  <si>
    <t>県立麻生総合</t>
    <rPh sb="0" eb="2">
      <t>ケンリツ</t>
    </rPh>
    <rPh sb="2" eb="4">
      <t>アサオ</t>
    </rPh>
    <rPh sb="4" eb="6">
      <t>ソウゴウ</t>
    </rPh>
    <phoneticPr fontId="2"/>
  </si>
  <si>
    <t>県立藤沢総合</t>
    <rPh sb="0" eb="2">
      <t>ケンリツ</t>
    </rPh>
    <rPh sb="2" eb="4">
      <t>フジサワ</t>
    </rPh>
    <rPh sb="4" eb="6">
      <t>ソウゴウ</t>
    </rPh>
    <phoneticPr fontId="2"/>
  </si>
  <si>
    <t>横浜市立みなと総合</t>
    <rPh sb="0" eb="4">
      <t>ヨコハマイチリツ</t>
    </rPh>
    <rPh sb="7" eb="9">
      <t>ソウゴウ</t>
    </rPh>
    <phoneticPr fontId="2"/>
  </si>
  <si>
    <t>横須賀市立横須賀総合</t>
    <rPh sb="0" eb="5">
      <t>ヨコスカシリツ</t>
    </rPh>
    <rPh sb="5" eb="8">
      <t>ヨコスカ</t>
    </rPh>
    <rPh sb="8" eb="10">
      <t>ソウゴウ</t>
    </rPh>
    <phoneticPr fontId="2"/>
  </si>
  <si>
    <t>募集</t>
    <rPh sb="0" eb="2">
      <t>ボシュウ</t>
    </rPh>
    <phoneticPr fontId="2"/>
  </si>
  <si>
    <t>定員</t>
    <rPh sb="0" eb="2">
      <t>テイイン</t>
    </rPh>
    <phoneticPr fontId="2"/>
  </si>
  <si>
    <t>募集人員</t>
    <rPh sb="0" eb="2">
      <t>ボシュウ</t>
    </rPh>
    <rPh sb="2" eb="4">
      <t>ジンイン</t>
    </rPh>
    <phoneticPr fontId="2"/>
  </si>
  <si>
    <t>学区</t>
    <rPh sb="0" eb="2">
      <t>ガック</t>
    </rPh>
    <phoneticPr fontId="2"/>
  </si>
  <si>
    <t>内</t>
    <rPh sb="0" eb="1">
      <t>ナイ</t>
    </rPh>
    <phoneticPr fontId="2"/>
  </si>
  <si>
    <t>外</t>
    <rPh sb="0" eb="1">
      <t>ガイ</t>
    </rPh>
    <phoneticPr fontId="2"/>
  </si>
  <si>
    <t>小　　計</t>
    <rPh sb="0" eb="1">
      <t>ショウ</t>
    </rPh>
    <rPh sb="3" eb="4">
      <t>ケイ</t>
    </rPh>
    <phoneticPr fontId="2"/>
  </si>
  <si>
    <t>地</t>
    <rPh sb="0" eb="1">
      <t>チ</t>
    </rPh>
    <phoneticPr fontId="2"/>
  </si>
  <si>
    <t>区</t>
    <rPh sb="0" eb="1">
      <t>ク</t>
    </rPh>
    <phoneticPr fontId="2"/>
  </si>
  <si>
    <t>　　計</t>
    <rPh sb="2" eb="3">
      <t>ケイ</t>
    </rPh>
    <phoneticPr fontId="2"/>
  </si>
  <si>
    <t>総合学科</t>
    <rPh sb="0" eb="4">
      <t>ソウゴウガッカ</t>
    </rPh>
    <phoneticPr fontId="2"/>
  </si>
  <si>
    <t>海外帰国生徒特別募集</t>
    <rPh sb="0" eb="4">
      <t>カイガイキコク</t>
    </rPh>
    <rPh sb="4" eb="6">
      <t>セイト</t>
    </rPh>
    <rPh sb="6" eb="8">
      <t>トクベツ</t>
    </rPh>
    <rPh sb="8" eb="10">
      <t>ボシュウ</t>
    </rPh>
    <phoneticPr fontId="2"/>
  </si>
  <si>
    <t>県立新城</t>
    <rPh sb="0" eb="2">
      <t>ケンリツ</t>
    </rPh>
    <rPh sb="2" eb="4">
      <t>シンジョウ</t>
    </rPh>
    <phoneticPr fontId="2"/>
  </si>
  <si>
    <t>県立鶴嶺</t>
    <rPh sb="0" eb="2">
      <t>ケンリツ</t>
    </rPh>
    <rPh sb="2" eb="3">
      <t>ツル</t>
    </rPh>
    <rPh sb="3" eb="4">
      <t>ミネ</t>
    </rPh>
    <phoneticPr fontId="2"/>
  </si>
  <si>
    <t>　県　立　　計</t>
    <rPh sb="1" eb="2">
      <t>ケン</t>
    </rPh>
    <rPh sb="3" eb="4">
      <t>タテ</t>
    </rPh>
    <rPh sb="6" eb="7">
      <t>ケイ</t>
    </rPh>
    <phoneticPr fontId="5"/>
  </si>
  <si>
    <t>横浜市立横浜商業</t>
    <rPh sb="0" eb="4">
      <t>ヨコハマシリツ</t>
    </rPh>
    <rPh sb="4" eb="6">
      <t>ヨコハマ</t>
    </rPh>
    <rPh sb="6" eb="8">
      <t>ショウギョウ</t>
    </rPh>
    <phoneticPr fontId="5"/>
  </si>
  <si>
    <t>中途退学者募集</t>
    <rPh sb="0" eb="5">
      <t>チュウトタイガクシャ</t>
    </rPh>
    <rPh sb="5" eb="7">
      <t>ボシュウ</t>
    </rPh>
    <phoneticPr fontId="5"/>
  </si>
  <si>
    <t>県立横浜桜陽</t>
    <rPh sb="0" eb="2">
      <t>ケンリツ</t>
    </rPh>
    <rPh sb="2" eb="4">
      <t>ヨコハマ</t>
    </rPh>
    <rPh sb="4" eb="6">
      <t>オウヨウ</t>
    </rPh>
    <phoneticPr fontId="5"/>
  </si>
  <si>
    <t>県立川崎</t>
    <rPh sb="0" eb="2">
      <t>ケンリツ</t>
    </rPh>
    <rPh sb="2" eb="4">
      <t>カワサキ</t>
    </rPh>
    <phoneticPr fontId="5"/>
  </si>
  <si>
    <t>単位制普通科</t>
    <rPh sb="0" eb="3">
      <t>タンイセイ</t>
    </rPh>
    <rPh sb="3" eb="5">
      <t>フツウ</t>
    </rPh>
    <rPh sb="5" eb="6">
      <t>カ</t>
    </rPh>
    <phoneticPr fontId="2"/>
  </si>
  <si>
    <t>単位制普通科</t>
    <rPh sb="0" eb="3">
      <t>タンイセイ</t>
    </rPh>
    <rPh sb="3" eb="5">
      <t>フツウ</t>
    </rPh>
    <rPh sb="5" eb="6">
      <t>カ</t>
    </rPh>
    <phoneticPr fontId="5"/>
  </si>
  <si>
    <t>別科</t>
    <rPh sb="0" eb="2">
      <t>ベッカ</t>
    </rPh>
    <phoneticPr fontId="2"/>
  </si>
  <si>
    <t>理容科</t>
    <rPh sb="0" eb="2">
      <t>リヨウ</t>
    </rPh>
    <rPh sb="2" eb="3">
      <t>カ</t>
    </rPh>
    <phoneticPr fontId="5"/>
  </si>
  <si>
    <t>美容科</t>
    <rPh sb="0" eb="2">
      <t>ビヨウ</t>
    </rPh>
    <rPh sb="2" eb="3">
      <t>カ</t>
    </rPh>
    <phoneticPr fontId="5"/>
  </si>
  <si>
    <t>単位制　普通科</t>
    <rPh sb="0" eb="3">
      <t>タンイセイ</t>
    </rPh>
    <rPh sb="4" eb="7">
      <t>フツウカ</t>
    </rPh>
    <phoneticPr fontId="2"/>
  </si>
  <si>
    <t>単位制　総合学科</t>
    <rPh sb="0" eb="3">
      <t>タンイセイ</t>
    </rPh>
    <rPh sb="4" eb="6">
      <t>ソウゴウ</t>
    </rPh>
    <rPh sb="6" eb="8">
      <t>ガッカ</t>
    </rPh>
    <phoneticPr fontId="2"/>
  </si>
  <si>
    <t>単位制　専門学科（総合産業に関する学科）</t>
    <rPh sb="0" eb="3">
      <t>タンイセイ</t>
    </rPh>
    <rPh sb="4" eb="6">
      <t>センモン</t>
    </rPh>
    <rPh sb="6" eb="8">
      <t>ガッカ</t>
    </rPh>
    <rPh sb="9" eb="11">
      <t>ソウゴウ</t>
    </rPh>
    <rPh sb="11" eb="13">
      <t>サンギョウ</t>
    </rPh>
    <rPh sb="14" eb="15">
      <t>カン</t>
    </rPh>
    <rPh sb="17" eb="19">
      <t>ガッカ</t>
    </rPh>
    <phoneticPr fontId="2"/>
  </si>
  <si>
    <t>合格者数</t>
    <rPh sb="0" eb="3">
      <t>ゴウカクシャ</t>
    </rPh>
    <rPh sb="3" eb="4">
      <t>スウ</t>
    </rPh>
    <phoneticPr fontId="2"/>
  </si>
  <si>
    <t>県立城郷</t>
  </si>
  <si>
    <t>県立霧が丘</t>
  </si>
  <si>
    <t>県立上矢部</t>
  </si>
  <si>
    <t>県立川崎北</t>
  </si>
  <si>
    <t>県立津久井浜</t>
  </si>
  <si>
    <t>県立川崎工科</t>
    <rPh sb="0" eb="2">
      <t>ケンリツ</t>
    </rPh>
    <rPh sb="2" eb="4">
      <t>カワサキ</t>
    </rPh>
    <rPh sb="4" eb="6">
      <t>コウカ</t>
    </rPh>
    <phoneticPr fontId="2"/>
  </si>
  <si>
    <t>総合技術科</t>
    <rPh sb="0" eb="2">
      <t>ソウゴウ</t>
    </rPh>
    <rPh sb="2" eb="5">
      <t>ギジュツカ</t>
    </rPh>
    <phoneticPr fontId="2"/>
  </si>
  <si>
    <t>普通科　クリエイティブスクール</t>
    <rPh sb="0" eb="3">
      <t>フツウカ</t>
    </rPh>
    <phoneticPr fontId="2"/>
  </si>
  <si>
    <t>　表中の欠員は、共通選抜募集人員より共通選抜合格者数を引いた数です。</t>
    <rPh sb="1" eb="3">
      <t>ヒョウチュウ</t>
    </rPh>
    <rPh sb="4" eb="6">
      <t>ケツイン</t>
    </rPh>
    <rPh sb="18" eb="20">
      <t>キョウツウ</t>
    </rPh>
    <phoneticPr fontId="2"/>
  </si>
  <si>
    <t>ビジネス教養科</t>
    <rPh sb="4" eb="6">
      <t>キョウヨウ</t>
    </rPh>
    <rPh sb="6" eb="7">
      <t>カ</t>
    </rPh>
    <phoneticPr fontId="2"/>
  </si>
  <si>
    <t>県立藤沢清流</t>
    <rPh sb="0" eb="2">
      <t>ケンリツ</t>
    </rPh>
    <rPh sb="2" eb="4">
      <t>フジサワ</t>
    </rPh>
    <rPh sb="4" eb="6">
      <t>セイリュウ</t>
    </rPh>
    <phoneticPr fontId="2"/>
  </si>
  <si>
    <t>県立湘南台</t>
  </si>
  <si>
    <t>県立二宮</t>
  </si>
  <si>
    <t>県立伊勢原</t>
  </si>
  <si>
    <t>県立足柄</t>
  </si>
  <si>
    <t>県立厚木西</t>
  </si>
  <si>
    <t>県立綾瀬</t>
  </si>
  <si>
    <t>県立上鶴間</t>
  </si>
  <si>
    <t>県立橋本</t>
  </si>
  <si>
    <t>県立横浜翠嵐</t>
    <rPh sb="0" eb="2">
      <t>ケンリツ</t>
    </rPh>
    <rPh sb="2" eb="4">
      <t>ヨコハマ</t>
    </rPh>
    <rPh sb="4" eb="5">
      <t>スイ</t>
    </rPh>
    <rPh sb="5" eb="6">
      <t>ラン</t>
    </rPh>
    <phoneticPr fontId="2"/>
  </si>
  <si>
    <t>県立川和</t>
    <rPh sb="0" eb="2">
      <t>ケンリツ</t>
    </rPh>
    <rPh sb="2" eb="4">
      <t>カワワ</t>
    </rPh>
    <phoneticPr fontId="2"/>
  </si>
  <si>
    <t>県立光陵</t>
    <rPh sb="0" eb="2">
      <t>ケンリツ</t>
    </rPh>
    <rPh sb="2" eb="3">
      <t>コウ</t>
    </rPh>
    <rPh sb="3" eb="4">
      <t>リョウ</t>
    </rPh>
    <phoneticPr fontId="2"/>
  </si>
  <si>
    <t>県立平塚江南</t>
    <rPh sb="0" eb="2">
      <t>ケンリツ</t>
    </rPh>
    <rPh sb="2" eb="4">
      <t>ヒラツカ</t>
    </rPh>
    <rPh sb="4" eb="6">
      <t>コウナン</t>
    </rPh>
    <phoneticPr fontId="2"/>
  </si>
  <si>
    <t>県立秦野</t>
    <rPh sb="0" eb="2">
      <t>ケンリツ</t>
    </rPh>
    <rPh sb="2" eb="4">
      <t>ハダノ</t>
    </rPh>
    <phoneticPr fontId="2"/>
  </si>
  <si>
    <t>県立柏陽</t>
    <rPh sb="0" eb="2">
      <t>ケンリツ</t>
    </rPh>
    <rPh sb="2" eb="4">
      <t>ハクヨウ</t>
    </rPh>
    <phoneticPr fontId="2"/>
  </si>
  <si>
    <t>県立多摩</t>
    <rPh sb="0" eb="2">
      <t>ケンリツ</t>
    </rPh>
    <rPh sb="2" eb="4">
      <t>タマ</t>
    </rPh>
    <phoneticPr fontId="2"/>
  </si>
  <si>
    <t>県立厚木</t>
    <rPh sb="0" eb="2">
      <t>ケンリツ</t>
    </rPh>
    <rPh sb="2" eb="4">
      <t>アツギ</t>
    </rPh>
    <phoneticPr fontId="2"/>
  </si>
  <si>
    <t>県立大和</t>
    <rPh sb="0" eb="2">
      <t>ケンリツ</t>
    </rPh>
    <rPh sb="2" eb="4">
      <t>ヤマト</t>
    </rPh>
    <phoneticPr fontId="2"/>
  </si>
  <si>
    <t>県立相模原</t>
    <rPh sb="0" eb="2">
      <t>ケンリツ</t>
    </rPh>
    <rPh sb="2" eb="5">
      <t>サガミハラ</t>
    </rPh>
    <phoneticPr fontId="2"/>
  </si>
  <si>
    <t>受検者数</t>
    <rPh sb="0" eb="2">
      <t>ジュケン</t>
    </rPh>
    <rPh sb="2" eb="3">
      <t>シャ</t>
    </rPh>
    <rPh sb="3" eb="4">
      <t>スウ</t>
    </rPh>
    <phoneticPr fontId="2"/>
  </si>
  <si>
    <t>(B)</t>
  </si>
  <si>
    <t>総合学科</t>
  </si>
  <si>
    <t>県立二俣川看護福祉</t>
  </si>
  <si>
    <t>競争率</t>
    <phoneticPr fontId="2"/>
  </si>
  <si>
    <t>県立鶴見</t>
    <rPh sb="0" eb="2">
      <t>ケンリツ</t>
    </rPh>
    <rPh sb="2" eb="4">
      <t>ツルミ</t>
    </rPh>
    <phoneticPr fontId="2"/>
  </si>
  <si>
    <t>県立城郷</t>
    <rPh sb="0" eb="2">
      <t>ケンリツ</t>
    </rPh>
    <rPh sb="2" eb="3">
      <t>シロ</t>
    </rPh>
    <rPh sb="3" eb="4">
      <t>サト</t>
    </rPh>
    <phoneticPr fontId="2"/>
  </si>
  <si>
    <t>県立港北</t>
    <rPh sb="0" eb="2">
      <t>ケンリツ</t>
    </rPh>
    <rPh sb="2" eb="4">
      <t>コウホク</t>
    </rPh>
    <phoneticPr fontId="2"/>
  </si>
  <si>
    <t>県立新羽</t>
    <rPh sb="0" eb="2">
      <t>ケンリツ</t>
    </rPh>
    <rPh sb="2" eb="4">
      <t>ニッパ</t>
    </rPh>
    <phoneticPr fontId="2"/>
  </si>
  <si>
    <t>県立岸根</t>
    <rPh sb="0" eb="2">
      <t>ケンリツ</t>
    </rPh>
    <rPh sb="2" eb="4">
      <t>キシネ</t>
    </rPh>
    <phoneticPr fontId="2"/>
  </si>
  <si>
    <t>県立霧が丘</t>
    <rPh sb="0" eb="2">
      <t>ケンリツ</t>
    </rPh>
    <rPh sb="2" eb="3">
      <t>キリ</t>
    </rPh>
    <rPh sb="4" eb="5">
      <t>オカ</t>
    </rPh>
    <phoneticPr fontId="2"/>
  </si>
  <si>
    <t>県立元石川</t>
    <rPh sb="0" eb="2">
      <t>ケンリツ</t>
    </rPh>
    <rPh sb="2" eb="3">
      <t>モト</t>
    </rPh>
    <rPh sb="3" eb="5">
      <t>イシカワ</t>
    </rPh>
    <phoneticPr fontId="2"/>
  </si>
  <si>
    <t>県立新栄</t>
    <rPh sb="0" eb="2">
      <t>ケンリツ</t>
    </rPh>
    <rPh sb="2" eb="4">
      <t>シンエイ</t>
    </rPh>
    <phoneticPr fontId="2"/>
  </si>
  <si>
    <t>県立旭</t>
    <rPh sb="0" eb="2">
      <t>ケンリツ</t>
    </rPh>
    <rPh sb="2" eb="3">
      <t>アサヒ</t>
    </rPh>
    <phoneticPr fontId="2"/>
  </si>
  <si>
    <t>県立松陽</t>
    <rPh sb="0" eb="2">
      <t>ケンリツ</t>
    </rPh>
    <rPh sb="2" eb="4">
      <t>ショウヨウ</t>
    </rPh>
    <phoneticPr fontId="2"/>
  </si>
  <si>
    <t>県立横浜平沼</t>
    <rPh sb="0" eb="2">
      <t>ケンリツ</t>
    </rPh>
    <rPh sb="2" eb="4">
      <t>ヨコハマ</t>
    </rPh>
    <rPh sb="4" eb="6">
      <t>ヒラヌマ</t>
    </rPh>
    <phoneticPr fontId="2"/>
  </si>
  <si>
    <t>県立舞岡</t>
    <rPh sb="0" eb="2">
      <t>ケンリツ</t>
    </rPh>
    <rPh sb="2" eb="4">
      <t>マイオカ</t>
    </rPh>
    <phoneticPr fontId="2"/>
  </si>
  <si>
    <t>県立金井</t>
    <rPh sb="0" eb="2">
      <t>ケンリツ</t>
    </rPh>
    <rPh sb="2" eb="4">
      <t>カナイ</t>
    </rPh>
    <phoneticPr fontId="2"/>
  </si>
  <si>
    <t>県立永谷</t>
    <rPh sb="0" eb="2">
      <t>ケンリツ</t>
    </rPh>
    <rPh sb="2" eb="4">
      <t>ナガヤ</t>
    </rPh>
    <phoneticPr fontId="2"/>
  </si>
  <si>
    <t>県立横浜立野</t>
    <rPh sb="0" eb="2">
      <t>ケンリツ</t>
    </rPh>
    <rPh sb="2" eb="4">
      <t>ヨコハマ</t>
    </rPh>
    <rPh sb="4" eb="6">
      <t>タテノ</t>
    </rPh>
    <phoneticPr fontId="2"/>
  </si>
  <si>
    <t>県立住吉</t>
    <rPh sb="0" eb="2">
      <t>ケンリツ</t>
    </rPh>
    <rPh sb="2" eb="4">
      <t>スミヨシ</t>
    </rPh>
    <phoneticPr fontId="2"/>
  </si>
  <si>
    <t>県立川崎北</t>
    <rPh sb="0" eb="2">
      <t>ケンリツ</t>
    </rPh>
    <rPh sb="2" eb="4">
      <t>カワサキ</t>
    </rPh>
    <rPh sb="4" eb="5">
      <t>キタ</t>
    </rPh>
    <phoneticPr fontId="2"/>
  </si>
  <si>
    <t>県立百合丘</t>
    <rPh sb="0" eb="2">
      <t>ケンリツ</t>
    </rPh>
    <rPh sb="2" eb="4">
      <t>ユリ</t>
    </rPh>
    <rPh sb="4" eb="5">
      <t>オカ</t>
    </rPh>
    <phoneticPr fontId="2"/>
  </si>
  <si>
    <t>県立生田東</t>
    <rPh sb="0" eb="2">
      <t>ケンリツ</t>
    </rPh>
    <rPh sb="2" eb="4">
      <t>イクタ</t>
    </rPh>
    <rPh sb="4" eb="5">
      <t>ヒガシ</t>
    </rPh>
    <phoneticPr fontId="2"/>
  </si>
  <si>
    <t>県立菅</t>
    <rPh sb="0" eb="2">
      <t>ケンリツ</t>
    </rPh>
    <rPh sb="2" eb="3">
      <t>スゲ</t>
    </rPh>
    <phoneticPr fontId="2"/>
  </si>
  <si>
    <t>県立麻生</t>
    <rPh sb="0" eb="2">
      <t>ケンリツ</t>
    </rPh>
    <rPh sb="2" eb="4">
      <t>アサオ</t>
    </rPh>
    <phoneticPr fontId="2"/>
  </si>
  <si>
    <t>県立横須賀大津</t>
    <rPh sb="0" eb="2">
      <t>ケンリツ</t>
    </rPh>
    <rPh sb="2" eb="5">
      <t>ヨコスカ</t>
    </rPh>
    <rPh sb="5" eb="7">
      <t>オオツ</t>
    </rPh>
    <phoneticPr fontId="2"/>
  </si>
  <si>
    <t>県立追浜</t>
    <rPh sb="0" eb="2">
      <t>ケンリツ</t>
    </rPh>
    <rPh sb="2" eb="4">
      <t>オッパマ</t>
    </rPh>
    <phoneticPr fontId="2"/>
  </si>
  <si>
    <t>県立津久井浜</t>
    <rPh sb="0" eb="2">
      <t>ケンリツ</t>
    </rPh>
    <rPh sb="2" eb="6">
      <t>ツクイハマ</t>
    </rPh>
    <phoneticPr fontId="2"/>
  </si>
  <si>
    <t>県立鎌倉</t>
    <rPh sb="0" eb="2">
      <t>ケンリツ</t>
    </rPh>
    <rPh sb="2" eb="4">
      <t>カマクラ</t>
    </rPh>
    <phoneticPr fontId="2"/>
  </si>
  <si>
    <t>県立七里ガ浜</t>
    <rPh sb="0" eb="2">
      <t>ケンリツ</t>
    </rPh>
    <rPh sb="2" eb="6">
      <t>シチリガハマ</t>
    </rPh>
    <phoneticPr fontId="2"/>
  </si>
  <si>
    <t>県立大船</t>
    <rPh sb="0" eb="2">
      <t>ケンリツ</t>
    </rPh>
    <rPh sb="2" eb="4">
      <t>オオフナ</t>
    </rPh>
    <phoneticPr fontId="2"/>
  </si>
  <si>
    <t>県立深沢</t>
    <rPh sb="0" eb="2">
      <t>ケンリツ</t>
    </rPh>
    <rPh sb="2" eb="4">
      <t>フカザワ</t>
    </rPh>
    <phoneticPr fontId="2"/>
  </si>
  <si>
    <t>県立藤沢西</t>
    <rPh sb="0" eb="2">
      <t>ケンリツ</t>
    </rPh>
    <rPh sb="2" eb="4">
      <t>フジサワ</t>
    </rPh>
    <rPh sb="4" eb="5">
      <t>ニシ</t>
    </rPh>
    <phoneticPr fontId="2"/>
  </si>
  <si>
    <t>県立湘南台</t>
    <rPh sb="0" eb="2">
      <t>ケンリツ</t>
    </rPh>
    <rPh sb="2" eb="5">
      <t>ショウナンダイ</t>
    </rPh>
    <phoneticPr fontId="2"/>
  </si>
  <si>
    <t>県立茅ケ崎</t>
    <rPh sb="0" eb="2">
      <t>ケンリツ</t>
    </rPh>
    <rPh sb="2" eb="5">
      <t>チガサキ</t>
    </rPh>
    <phoneticPr fontId="2"/>
  </si>
  <si>
    <t>県立鶴嶺</t>
    <rPh sb="0" eb="2">
      <t>ケンリツ</t>
    </rPh>
    <rPh sb="2" eb="4">
      <t>ツルミネ</t>
    </rPh>
    <phoneticPr fontId="2"/>
  </si>
  <si>
    <t>県立寒川</t>
    <rPh sb="0" eb="2">
      <t>ケンリツ</t>
    </rPh>
    <rPh sb="2" eb="4">
      <t>サムカワ</t>
    </rPh>
    <phoneticPr fontId="2"/>
  </si>
  <si>
    <t>県立横浜国際</t>
    <rPh sb="0" eb="2">
      <t>ケンリツ</t>
    </rPh>
    <rPh sb="2" eb="4">
      <t>ヨコハマ</t>
    </rPh>
    <rPh sb="4" eb="6">
      <t>コクサイ</t>
    </rPh>
    <phoneticPr fontId="2"/>
  </si>
  <si>
    <t>県立茅ケ崎北陵</t>
    <rPh sb="0" eb="2">
      <t>ケンリツ</t>
    </rPh>
    <rPh sb="2" eb="5">
      <t>チガサキ</t>
    </rPh>
    <rPh sb="5" eb="6">
      <t>ホク</t>
    </rPh>
    <rPh sb="6" eb="7">
      <t>リョウ</t>
    </rPh>
    <phoneticPr fontId="2"/>
  </si>
  <si>
    <t>県立茅ケ崎西浜</t>
    <rPh sb="0" eb="2">
      <t>ケンリツ</t>
    </rPh>
    <rPh sb="2" eb="5">
      <t>チガサキ</t>
    </rPh>
    <rPh sb="5" eb="7">
      <t>ニシハマ</t>
    </rPh>
    <phoneticPr fontId="2"/>
  </si>
  <si>
    <t>県立横浜栄</t>
    <rPh sb="0" eb="2">
      <t>ケンリツ</t>
    </rPh>
    <rPh sb="2" eb="4">
      <t>ヨコハマ</t>
    </rPh>
    <rPh sb="4" eb="5">
      <t>サカエ</t>
    </rPh>
    <phoneticPr fontId="5"/>
  </si>
  <si>
    <t>普通科</t>
    <rPh sb="0" eb="3">
      <t>フツウカ</t>
    </rPh>
    <phoneticPr fontId="5"/>
  </si>
  <si>
    <t>県立平塚湘風</t>
    <rPh sb="0" eb="2">
      <t>ケンリツ</t>
    </rPh>
    <rPh sb="2" eb="4">
      <t>ヒラツカ</t>
    </rPh>
    <rPh sb="4" eb="5">
      <t>ショウ</t>
    </rPh>
    <rPh sb="5" eb="6">
      <t>フウ</t>
    </rPh>
    <phoneticPr fontId="5"/>
  </si>
  <si>
    <t>県立座間総合</t>
    <rPh sb="0" eb="2">
      <t>ケンリツ</t>
    </rPh>
    <rPh sb="2" eb="4">
      <t>ザマ</t>
    </rPh>
    <rPh sb="4" eb="6">
      <t>ソウゴウ</t>
    </rPh>
    <phoneticPr fontId="5"/>
  </si>
  <si>
    <t>総合学科</t>
    <rPh sb="0" eb="2">
      <t>ソウゴウ</t>
    </rPh>
    <rPh sb="2" eb="4">
      <t>ガッカ</t>
    </rPh>
    <phoneticPr fontId="5"/>
  </si>
  <si>
    <t>横浜市立横浜サイエンスフロンティア</t>
    <rPh sb="0" eb="2">
      <t>ヨコハマ</t>
    </rPh>
    <rPh sb="2" eb="4">
      <t>イチリツ</t>
    </rPh>
    <rPh sb="4" eb="6">
      <t>ヨコハマ</t>
    </rPh>
    <phoneticPr fontId="5"/>
  </si>
  <si>
    <t>理数科</t>
    <rPh sb="0" eb="3">
      <t>リスウカ</t>
    </rPh>
    <phoneticPr fontId="5"/>
  </si>
  <si>
    <t>－</t>
    <phoneticPr fontId="5"/>
  </si>
  <si>
    <t>横浜北</t>
    <rPh sb="0" eb="2">
      <t>ヨコハマ</t>
    </rPh>
    <rPh sb="2" eb="3">
      <t>キタ</t>
    </rPh>
    <phoneticPr fontId="2"/>
  </si>
  <si>
    <t>横浜中</t>
    <rPh sb="0" eb="2">
      <t>ヨコハマ</t>
    </rPh>
    <rPh sb="2" eb="3">
      <t>ナカ</t>
    </rPh>
    <phoneticPr fontId="2"/>
  </si>
  <si>
    <t>横浜南</t>
    <rPh sb="0" eb="2">
      <t>ヨコハマ</t>
    </rPh>
    <rPh sb="2" eb="3">
      <t>ミナミ</t>
    </rPh>
    <phoneticPr fontId="2"/>
  </si>
  <si>
    <t>農業総合科</t>
    <rPh sb="0" eb="2">
      <t>ノウギョウ</t>
    </rPh>
    <rPh sb="2" eb="4">
      <t>ソウゴウ</t>
    </rPh>
    <rPh sb="4" eb="5">
      <t>カ</t>
    </rPh>
    <phoneticPr fontId="2"/>
  </si>
  <si>
    <t>環境緑地科</t>
    <rPh sb="0" eb="2">
      <t>カンキョウ</t>
    </rPh>
    <rPh sb="2" eb="4">
      <t>リョクチ</t>
    </rPh>
    <rPh sb="4" eb="5">
      <t>カ</t>
    </rPh>
    <phoneticPr fontId="2"/>
  </si>
  <si>
    <t xml:space="preserve"> 学科・部名</t>
    <rPh sb="1" eb="2">
      <t>ガク</t>
    </rPh>
    <rPh sb="2" eb="3">
      <t>カ</t>
    </rPh>
    <rPh sb="4" eb="5">
      <t>ブ</t>
    </rPh>
    <rPh sb="5" eb="6">
      <t>ナ</t>
    </rPh>
    <phoneticPr fontId="2"/>
  </si>
  <si>
    <t>横浜市立横浜総合</t>
    <rPh sb="0" eb="4">
      <t>ヨコハマイチリツ</t>
    </rPh>
    <rPh sb="4" eb="6">
      <t>ヨコハマ</t>
    </rPh>
    <rPh sb="6" eb="8">
      <t>ソウゴウ</t>
    </rPh>
    <phoneticPr fontId="5"/>
  </si>
  <si>
    <t>総合学科Ⅰ部</t>
    <rPh sb="0" eb="4">
      <t>ソウゴウガッカ</t>
    </rPh>
    <rPh sb="5" eb="6">
      <t>ブ</t>
    </rPh>
    <phoneticPr fontId="5"/>
  </si>
  <si>
    <t>総合学科Ⅱ部</t>
    <rPh sb="0" eb="4">
      <t>ソウゴウガッカ</t>
    </rPh>
    <rPh sb="5" eb="6">
      <t>ブ</t>
    </rPh>
    <phoneticPr fontId="5"/>
  </si>
  <si>
    <t>総合学科Ⅲ部</t>
    <rPh sb="0" eb="4">
      <t>ソウゴウガッカ</t>
    </rPh>
    <rPh sb="5" eb="6">
      <t>ブ</t>
    </rPh>
    <phoneticPr fontId="5"/>
  </si>
  <si>
    <t>　</t>
    <phoneticPr fontId="5"/>
  </si>
  <si>
    <t>　　〃</t>
    <phoneticPr fontId="5"/>
  </si>
  <si>
    <t>横須賀・三浦</t>
    <rPh sb="0" eb="3">
      <t>ヨコスカ</t>
    </rPh>
    <rPh sb="4" eb="6">
      <t>ミウラ</t>
    </rPh>
    <phoneticPr fontId="2"/>
  </si>
  <si>
    <t>鎌倉・藤沢・茅ヶ崎</t>
    <rPh sb="0" eb="2">
      <t>カマクラ</t>
    </rPh>
    <rPh sb="3" eb="5">
      <t>フジサワ</t>
    </rPh>
    <rPh sb="6" eb="9">
      <t>チガサキ</t>
    </rPh>
    <phoneticPr fontId="2"/>
  </si>
  <si>
    <t>平塚・秦野・伊勢原</t>
    <rPh sb="0" eb="2">
      <t>ヒラツカ</t>
    </rPh>
    <rPh sb="3" eb="5">
      <t>ハダノ</t>
    </rPh>
    <rPh sb="6" eb="9">
      <t>イセハラ</t>
    </rPh>
    <phoneticPr fontId="2"/>
  </si>
  <si>
    <t>区</t>
    <phoneticPr fontId="2"/>
  </si>
  <si>
    <t>市　立　計</t>
    <rPh sb="0" eb="1">
      <t>シ</t>
    </rPh>
    <phoneticPr fontId="2"/>
  </si>
  <si>
    <t>市</t>
    <phoneticPr fontId="2"/>
  </si>
  <si>
    <t>立</t>
    <phoneticPr fontId="2"/>
  </si>
  <si>
    <t>総合ビジネス科</t>
    <rPh sb="0" eb="2">
      <t>ソウゴウ</t>
    </rPh>
    <rPh sb="6" eb="7">
      <t>カ</t>
    </rPh>
    <phoneticPr fontId="2"/>
  </si>
  <si>
    <t>県立秦野総合</t>
    <rPh sb="0" eb="2">
      <t>ケンリツ</t>
    </rPh>
    <rPh sb="2" eb="4">
      <t>ハダノ</t>
    </rPh>
    <rPh sb="4" eb="6">
      <t>ソウゴウ</t>
    </rPh>
    <phoneticPr fontId="5"/>
  </si>
  <si>
    <t>県立海洋科学</t>
    <rPh sb="0" eb="2">
      <t>ケンリツ</t>
    </rPh>
    <rPh sb="2" eb="4">
      <t>カイヨウ</t>
    </rPh>
    <rPh sb="4" eb="6">
      <t>カガク</t>
    </rPh>
    <phoneticPr fontId="5"/>
  </si>
  <si>
    <t>　　〃</t>
    <phoneticPr fontId="5"/>
  </si>
  <si>
    <t>計</t>
    <rPh sb="0" eb="1">
      <t>ケイ</t>
    </rPh>
    <phoneticPr fontId="5"/>
  </si>
  <si>
    <t>単位制　専門学科（理数に関する学科）</t>
    <rPh sb="0" eb="3">
      <t>タンイセイ</t>
    </rPh>
    <rPh sb="4" eb="6">
      <t>センモン</t>
    </rPh>
    <rPh sb="6" eb="8">
      <t>ガッカ</t>
    </rPh>
    <rPh sb="9" eb="11">
      <t>リスウ</t>
    </rPh>
    <rPh sb="12" eb="13">
      <t>カン</t>
    </rPh>
    <rPh sb="15" eb="17">
      <t>ガッカ</t>
    </rPh>
    <phoneticPr fontId="2"/>
  </si>
  <si>
    <t>県立横浜国際</t>
    <rPh sb="0" eb="2">
      <t>ケンリツ</t>
    </rPh>
    <rPh sb="2" eb="4">
      <t>ヨコハマ</t>
    </rPh>
    <rPh sb="4" eb="6">
      <t>コクサイ</t>
    </rPh>
    <phoneticPr fontId="5"/>
  </si>
  <si>
    <t xml:space="preserve"> 学科・コース名</t>
    <rPh sb="1" eb="2">
      <t>ガク</t>
    </rPh>
    <rPh sb="2" eb="3">
      <t>カ</t>
    </rPh>
    <rPh sb="7" eb="8">
      <t>ナ</t>
    </rPh>
    <phoneticPr fontId="2"/>
  </si>
  <si>
    <t>（定時制の課程）</t>
  </si>
  <si>
    <t>県立横浜翠嵐</t>
    <rPh sb="0" eb="2">
      <t>ケンリツ</t>
    </rPh>
    <rPh sb="2" eb="4">
      <t>ヨコハマ</t>
    </rPh>
    <rPh sb="4" eb="6">
      <t>スイラン</t>
    </rPh>
    <phoneticPr fontId="2"/>
  </si>
  <si>
    <t>横浜市立戸塚</t>
    <rPh sb="0" eb="4">
      <t>ヨコハマシリツ</t>
    </rPh>
    <rPh sb="4" eb="6">
      <t>トヅカ</t>
    </rPh>
    <phoneticPr fontId="2"/>
  </si>
  <si>
    <t>川崎市立川崎</t>
    <rPh sb="0" eb="4">
      <t>カワサキシリツ</t>
    </rPh>
    <rPh sb="4" eb="6">
      <t>カワサキ</t>
    </rPh>
    <phoneticPr fontId="2"/>
  </si>
  <si>
    <t>川崎市立橘</t>
    <rPh sb="0" eb="4">
      <t>カワサキシリツ</t>
    </rPh>
    <rPh sb="4" eb="5">
      <t>タチバナ</t>
    </rPh>
    <phoneticPr fontId="2"/>
  </si>
  <si>
    <t>川崎市立高津</t>
    <rPh sb="0" eb="4">
      <t>カワサキシリツ</t>
    </rPh>
    <rPh sb="4" eb="6">
      <t>タカツ</t>
    </rPh>
    <phoneticPr fontId="2"/>
  </si>
  <si>
    <t>機械科</t>
    <rPh sb="0" eb="2">
      <t>キカイ</t>
    </rPh>
    <rPh sb="2" eb="3">
      <t>カ</t>
    </rPh>
    <phoneticPr fontId="5"/>
  </si>
  <si>
    <t>建設科</t>
    <rPh sb="0" eb="2">
      <t>ケンセツ</t>
    </rPh>
    <rPh sb="2" eb="3">
      <t>カ</t>
    </rPh>
    <phoneticPr fontId="5"/>
  </si>
  <si>
    <t>電気科</t>
    <rPh sb="0" eb="2">
      <t>デンキ</t>
    </rPh>
    <rPh sb="2" eb="3">
      <t>カ</t>
    </rPh>
    <phoneticPr fontId="5"/>
  </si>
  <si>
    <t>　　計</t>
    <rPh sb="2" eb="3">
      <t>ケイ</t>
    </rPh>
    <phoneticPr fontId="5"/>
  </si>
  <si>
    <t>県立小田原城北工業</t>
    <rPh sb="0" eb="2">
      <t>ケンリツ</t>
    </rPh>
    <rPh sb="2" eb="5">
      <t>オダワラ</t>
    </rPh>
    <rPh sb="5" eb="7">
      <t>ジョウホク</t>
    </rPh>
    <rPh sb="7" eb="9">
      <t>コウギョウ</t>
    </rPh>
    <phoneticPr fontId="5"/>
  </si>
  <si>
    <t>機械科・電気科</t>
    <rPh sb="0" eb="2">
      <t>キカイ</t>
    </rPh>
    <rPh sb="2" eb="3">
      <t>カ</t>
    </rPh>
    <rPh sb="4" eb="6">
      <t>デンキ</t>
    </rPh>
    <rPh sb="6" eb="7">
      <t>カ</t>
    </rPh>
    <phoneticPr fontId="5"/>
  </si>
  <si>
    <t>川崎市立川崎総合科学</t>
    <rPh sb="0" eb="4">
      <t>カワサキシリツ</t>
    </rPh>
    <rPh sb="4" eb="6">
      <t>カワサキ</t>
    </rPh>
    <rPh sb="6" eb="8">
      <t>ソウゴウ</t>
    </rPh>
    <rPh sb="8" eb="10">
      <t>カガク</t>
    </rPh>
    <phoneticPr fontId="5"/>
  </si>
  <si>
    <t>商業科</t>
    <rPh sb="0" eb="2">
      <t>ショウギョウ</t>
    </rPh>
    <rPh sb="2" eb="3">
      <t>カ</t>
    </rPh>
    <phoneticPr fontId="5"/>
  </si>
  <si>
    <t>県立湘南</t>
    <rPh sb="0" eb="2">
      <t>ケンリツ</t>
    </rPh>
    <rPh sb="2" eb="4">
      <t>ショウナン</t>
    </rPh>
    <phoneticPr fontId="5"/>
  </si>
  <si>
    <t>県立小田原</t>
    <rPh sb="0" eb="2">
      <t>ケンリツ</t>
    </rPh>
    <rPh sb="2" eb="5">
      <t>オダワラ</t>
    </rPh>
    <phoneticPr fontId="5"/>
  </si>
  <si>
    <t>県立厚木清南</t>
    <rPh sb="0" eb="2">
      <t>ケンリツ</t>
    </rPh>
    <rPh sb="2" eb="4">
      <t>アツギ</t>
    </rPh>
    <rPh sb="4" eb="6">
      <t>セイナン</t>
    </rPh>
    <phoneticPr fontId="5"/>
  </si>
  <si>
    <t>県立相模向陽館</t>
    <rPh sb="0" eb="2">
      <t>ケンリツ</t>
    </rPh>
    <rPh sb="2" eb="4">
      <t>サガミ</t>
    </rPh>
    <rPh sb="4" eb="7">
      <t>コウヨウカン</t>
    </rPh>
    <phoneticPr fontId="5"/>
  </si>
  <si>
    <t>普通科午前部</t>
    <rPh sb="0" eb="2">
      <t>フツウ</t>
    </rPh>
    <rPh sb="2" eb="3">
      <t>カ</t>
    </rPh>
    <rPh sb="3" eb="6">
      <t>ゴゼンブ</t>
    </rPh>
    <phoneticPr fontId="2"/>
  </si>
  <si>
    <t>普通科午後部</t>
    <rPh sb="0" eb="2">
      <t>フツウ</t>
    </rPh>
    <rPh sb="2" eb="3">
      <t>カ</t>
    </rPh>
    <rPh sb="3" eb="6">
      <t>ゴゴブ</t>
    </rPh>
    <phoneticPr fontId="2"/>
  </si>
  <si>
    <t>県立磯子工業</t>
    <rPh sb="0" eb="2">
      <t>ケンリツ</t>
    </rPh>
    <rPh sb="2" eb="4">
      <t>イソゴ</t>
    </rPh>
    <rPh sb="4" eb="6">
      <t>コウギョウ</t>
    </rPh>
    <phoneticPr fontId="5"/>
  </si>
  <si>
    <t>総合学科</t>
    <rPh sb="0" eb="4">
      <t>ソウゴウガッカ</t>
    </rPh>
    <phoneticPr fontId="5"/>
  </si>
  <si>
    <t>県立向の岡工業</t>
    <rPh sb="0" eb="2">
      <t>ケンリツ</t>
    </rPh>
    <rPh sb="2" eb="3">
      <t>ムカイ</t>
    </rPh>
    <rPh sb="4" eb="5">
      <t>オカ</t>
    </rPh>
    <rPh sb="5" eb="7">
      <t>コウギョウ</t>
    </rPh>
    <phoneticPr fontId="5"/>
  </si>
  <si>
    <t>横須賀市立横須賀総合</t>
    <rPh sb="0" eb="5">
      <t>ヨコスカシリツ</t>
    </rPh>
    <rPh sb="5" eb="8">
      <t>ヨコスカ</t>
    </rPh>
    <rPh sb="8" eb="10">
      <t>ソウゴウ</t>
    </rPh>
    <phoneticPr fontId="5"/>
  </si>
  <si>
    <t>（通信制の課程）</t>
    <rPh sb="1" eb="3">
      <t>ツウシン</t>
    </rPh>
    <rPh sb="3" eb="4">
      <t>セイ</t>
    </rPh>
    <rPh sb="5" eb="7">
      <t>カテイ</t>
    </rPh>
    <phoneticPr fontId="5"/>
  </si>
  <si>
    <t>単位制　普通科</t>
    <rPh sb="0" eb="3">
      <t>タンイセイ</t>
    </rPh>
    <rPh sb="4" eb="6">
      <t>フツウ</t>
    </rPh>
    <rPh sb="6" eb="7">
      <t>カ</t>
    </rPh>
    <phoneticPr fontId="2"/>
  </si>
  <si>
    <t>県立横浜修悠館</t>
    <rPh sb="0" eb="2">
      <t>ケンリツ</t>
    </rPh>
    <rPh sb="2" eb="4">
      <t>ヨコハマ</t>
    </rPh>
    <rPh sb="4" eb="5">
      <t>シュウ</t>
    </rPh>
    <rPh sb="5" eb="6">
      <t>ユウ</t>
    </rPh>
    <rPh sb="6" eb="7">
      <t>カン</t>
    </rPh>
    <phoneticPr fontId="5"/>
  </si>
  <si>
    <t>県立厚木清南</t>
    <rPh sb="0" eb="2">
      <t>ケンリツ</t>
    </rPh>
    <rPh sb="2" eb="4">
      <t>アツギ</t>
    </rPh>
    <rPh sb="4" eb="5">
      <t>シン</t>
    </rPh>
    <rPh sb="5" eb="6">
      <t>ミナミ</t>
    </rPh>
    <phoneticPr fontId="2"/>
  </si>
  <si>
    <t>　　〃</t>
    <phoneticPr fontId="5"/>
  </si>
  <si>
    <t>スポーツマネジメント科</t>
    <rPh sb="10" eb="11">
      <t>カ</t>
    </rPh>
    <phoneticPr fontId="2"/>
  </si>
  <si>
    <t>専門学科（農業に関する学科）</t>
    <rPh sb="5" eb="7">
      <t>ノウギョウ</t>
    </rPh>
    <rPh sb="8" eb="9">
      <t>カン</t>
    </rPh>
    <rPh sb="11" eb="13">
      <t>ガッカ</t>
    </rPh>
    <phoneticPr fontId="2"/>
  </si>
  <si>
    <t>専門学科（工業に関する学科）</t>
    <rPh sb="5" eb="6">
      <t>コウ</t>
    </rPh>
    <rPh sb="6" eb="7">
      <t>ノウギョウ</t>
    </rPh>
    <rPh sb="8" eb="9">
      <t>カン</t>
    </rPh>
    <rPh sb="11" eb="13">
      <t>ガッカ</t>
    </rPh>
    <phoneticPr fontId="2"/>
  </si>
  <si>
    <t>専門学科（商業に関する学科）</t>
    <rPh sb="5" eb="6">
      <t>ショウ</t>
    </rPh>
    <rPh sb="6" eb="7">
      <t>ノウギョウ</t>
    </rPh>
    <rPh sb="8" eb="9">
      <t>カン</t>
    </rPh>
    <rPh sb="11" eb="13">
      <t>ガッカ</t>
    </rPh>
    <phoneticPr fontId="2"/>
  </si>
  <si>
    <t>専門学科（家庭に関する学科）</t>
    <rPh sb="5" eb="7">
      <t>カテイ</t>
    </rPh>
    <rPh sb="8" eb="9">
      <t>カン</t>
    </rPh>
    <rPh sb="11" eb="13">
      <t>ガッカ</t>
    </rPh>
    <phoneticPr fontId="2"/>
  </si>
  <si>
    <t>専門学科（看護に関する学科）</t>
    <rPh sb="5" eb="7">
      <t>カンゴ</t>
    </rPh>
    <rPh sb="8" eb="9">
      <t>カン</t>
    </rPh>
    <rPh sb="11" eb="13">
      <t>ガッカ</t>
    </rPh>
    <phoneticPr fontId="2"/>
  </si>
  <si>
    <t>専門学科（福祉に関する学科）</t>
    <rPh sb="5" eb="7">
      <t>フクシ</t>
    </rPh>
    <rPh sb="8" eb="9">
      <t>カン</t>
    </rPh>
    <rPh sb="11" eb="13">
      <t>ガッカ</t>
    </rPh>
    <phoneticPr fontId="2"/>
  </si>
  <si>
    <t>専門学科（理数に関する学科）</t>
    <rPh sb="5" eb="7">
      <t>リスウ</t>
    </rPh>
    <rPh sb="8" eb="9">
      <t>カン</t>
    </rPh>
    <rPh sb="11" eb="13">
      <t>ガッカ</t>
    </rPh>
    <phoneticPr fontId="2"/>
  </si>
  <si>
    <t>専門学科（体育に関する学科）</t>
    <rPh sb="5" eb="7">
      <t>タイイク</t>
    </rPh>
    <rPh sb="8" eb="9">
      <t>カン</t>
    </rPh>
    <rPh sb="11" eb="13">
      <t>ガッカ</t>
    </rPh>
    <phoneticPr fontId="2"/>
  </si>
  <si>
    <t>専門学科（国際に関する学科）</t>
    <rPh sb="5" eb="7">
      <t>コクサイ</t>
    </rPh>
    <rPh sb="8" eb="9">
      <t>カン</t>
    </rPh>
    <rPh sb="11" eb="13">
      <t>ガッカ</t>
    </rPh>
    <phoneticPr fontId="2"/>
  </si>
  <si>
    <t>単位制　普通科専門コース</t>
    <rPh sb="0" eb="3">
      <t>タンイセイ</t>
    </rPh>
    <rPh sb="4" eb="7">
      <t>フツウカ</t>
    </rPh>
    <rPh sb="7" eb="9">
      <t>センモン</t>
    </rPh>
    <phoneticPr fontId="2"/>
  </si>
  <si>
    <t>普通科一般コース</t>
    <rPh sb="0" eb="3">
      <t>フツウカ</t>
    </rPh>
    <rPh sb="3" eb="5">
      <t>イッパン</t>
    </rPh>
    <phoneticPr fontId="2"/>
  </si>
  <si>
    <t>普通科昼間部</t>
    <rPh sb="0" eb="2">
      <t>フツウ</t>
    </rPh>
    <rPh sb="2" eb="3">
      <t>カ</t>
    </rPh>
    <rPh sb="3" eb="5">
      <t>チュウカン</t>
    </rPh>
    <rPh sb="5" eb="6">
      <t>ブ</t>
    </rPh>
    <phoneticPr fontId="5"/>
  </si>
  <si>
    <t>クリエイト工学科</t>
    <rPh sb="5" eb="8">
      <t>コウガッカ</t>
    </rPh>
    <phoneticPr fontId="5"/>
  </si>
  <si>
    <t>県立横浜明朋</t>
    <rPh sb="0" eb="2">
      <t>ケンリツ</t>
    </rPh>
    <rPh sb="2" eb="4">
      <t>ヨコハマ</t>
    </rPh>
    <rPh sb="4" eb="5">
      <t>メイ</t>
    </rPh>
    <rPh sb="5" eb="6">
      <t>ホウ</t>
    </rPh>
    <phoneticPr fontId="5"/>
  </si>
  <si>
    <t>普通科午前部</t>
    <rPh sb="0" eb="3">
      <t>フツウカ</t>
    </rPh>
    <rPh sb="3" eb="5">
      <t>ゴゼン</t>
    </rPh>
    <phoneticPr fontId="5"/>
  </si>
  <si>
    <t>普通科午後部</t>
    <rPh sb="0" eb="3">
      <t>フツウカ</t>
    </rPh>
    <rPh sb="3" eb="5">
      <t>ゴゴ</t>
    </rPh>
    <rPh sb="5" eb="6">
      <t>ブ</t>
    </rPh>
    <phoneticPr fontId="5"/>
  </si>
  <si>
    <t>普通科音楽コース</t>
    <rPh sb="0" eb="3">
      <t>フツウカ</t>
    </rPh>
    <rPh sb="3" eb="5">
      <t>オンガク</t>
    </rPh>
    <phoneticPr fontId="2"/>
  </si>
  <si>
    <t>横</t>
    <rPh sb="0" eb="1">
      <t>ヨコ</t>
    </rPh>
    <phoneticPr fontId="2"/>
  </si>
  <si>
    <t>浜</t>
    <rPh sb="0" eb="1">
      <t>ハマ</t>
    </rPh>
    <phoneticPr fontId="2"/>
  </si>
  <si>
    <t>食品科学科</t>
    <rPh sb="0" eb="2">
      <t>ショクヒン</t>
    </rPh>
    <rPh sb="2" eb="4">
      <t>カガク</t>
    </rPh>
    <rPh sb="3" eb="5">
      <t>ガッカ</t>
    </rPh>
    <phoneticPr fontId="2"/>
  </si>
  <si>
    <t>電気科</t>
    <rPh sb="0" eb="2">
      <t>デンキ</t>
    </rPh>
    <rPh sb="2" eb="3">
      <t>カ</t>
    </rPh>
    <phoneticPr fontId="2"/>
  </si>
  <si>
    <t>美術科</t>
    <rPh sb="0" eb="2">
      <t>ビジュツ</t>
    </rPh>
    <rPh sb="2" eb="3">
      <t>カ</t>
    </rPh>
    <phoneticPr fontId="2"/>
  </si>
  <si>
    <t>県立横浜緑園</t>
    <rPh sb="0" eb="2">
      <t>ケンリツ</t>
    </rPh>
    <rPh sb="2" eb="4">
      <t>ヨコハマ</t>
    </rPh>
    <rPh sb="4" eb="6">
      <t>リョクエン</t>
    </rPh>
    <phoneticPr fontId="2"/>
  </si>
  <si>
    <t>都市農業科</t>
    <rPh sb="0" eb="2">
      <t>トシ</t>
    </rPh>
    <rPh sb="2" eb="4">
      <t>ノウギョウ</t>
    </rPh>
    <rPh sb="4" eb="5">
      <t>カ</t>
    </rPh>
    <phoneticPr fontId="2"/>
  </si>
  <si>
    <t>食品加工科</t>
    <rPh sb="0" eb="2">
      <t>ショクヒン</t>
    </rPh>
    <rPh sb="2" eb="4">
      <t>カコウ</t>
    </rPh>
    <rPh sb="4" eb="5">
      <t>カ</t>
    </rPh>
    <phoneticPr fontId="2"/>
  </si>
  <si>
    <t>音楽科</t>
    <rPh sb="0" eb="2">
      <t>オンガク</t>
    </rPh>
    <rPh sb="2" eb="3">
      <t>カ</t>
    </rPh>
    <phoneticPr fontId="5"/>
  </si>
  <si>
    <t>美術科</t>
    <rPh sb="0" eb="2">
      <t>ビジュツ</t>
    </rPh>
    <rPh sb="2" eb="3">
      <t>カ</t>
    </rPh>
    <phoneticPr fontId="5"/>
  </si>
  <si>
    <t>県立小田原東</t>
    <rPh sb="0" eb="2">
      <t>ケンリツ</t>
    </rPh>
    <rPh sb="2" eb="5">
      <t>オダワラ</t>
    </rPh>
    <rPh sb="5" eb="6">
      <t>ヒガシ</t>
    </rPh>
    <phoneticPr fontId="2"/>
  </si>
  <si>
    <t>川崎市立幸</t>
    <rPh sb="0" eb="2">
      <t>カワサキ</t>
    </rPh>
    <rPh sb="2" eb="4">
      <t>シリツ</t>
    </rPh>
    <rPh sb="4" eb="5">
      <t>ユキ</t>
    </rPh>
    <phoneticPr fontId="2"/>
  </si>
  <si>
    <t>川崎市立</t>
    <rPh sb="0" eb="2">
      <t>カワサキ</t>
    </rPh>
    <rPh sb="2" eb="4">
      <t>イチリツ</t>
    </rPh>
    <phoneticPr fontId="2"/>
  </si>
  <si>
    <t xml:space="preserve"> 県立田奈</t>
    <rPh sb="1" eb="3">
      <t>ケンリツ</t>
    </rPh>
    <rPh sb="3" eb="5">
      <t>タナ</t>
    </rPh>
    <phoneticPr fontId="2"/>
  </si>
  <si>
    <t xml:space="preserve"> 県立釜利谷</t>
    <rPh sb="1" eb="3">
      <t>ケンリツ</t>
    </rPh>
    <rPh sb="3" eb="6">
      <t>カマリヤ</t>
    </rPh>
    <phoneticPr fontId="2"/>
  </si>
  <si>
    <t xml:space="preserve"> 県立大井</t>
    <rPh sb="1" eb="3">
      <t>ケンリツ</t>
    </rPh>
    <rPh sb="3" eb="5">
      <t>オオイ</t>
    </rPh>
    <phoneticPr fontId="2"/>
  </si>
  <si>
    <t xml:space="preserve"> 県立大和東</t>
    <rPh sb="1" eb="3">
      <t>ケンリツ</t>
    </rPh>
    <rPh sb="3" eb="5">
      <t>ヤマト</t>
    </rPh>
    <rPh sb="5" eb="6">
      <t>ヒガシ</t>
    </rPh>
    <phoneticPr fontId="2"/>
  </si>
  <si>
    <t>普通科　（クリエイティブスクールを除く。）</t>
    <rPh sb="17" eb="18">
      <t>ノゾ</t>
    </rPh>
    <phoneticPr fontId="2"/>
  </si>
  <si>
    <t>川崎市立幸</t>
    <rPh sb="0" eb="3">
      <t>カワサキシ</t>
    </rPh>
    <rPh sb="3" eb="4">
      <t>ケンリツ</t>
    </rPh>
    <rPh sb="4" eb="5">
      <t>ユキ</t>
    </rPh>
    <phoneticPr fontId="2"/>
  </si>
  <si>
    <t>スポーツ科学科</t>
    <rPh sb="4" eb="6">
      <t>カガク</t>
    </rPh>
    <rPh sb="6" eb="7">
      <t>カ</t>
    </rPh>
    <phoneticPr fontId="2"/>
  </si>
  <si>
    <t>専門学科（美術に関する学科）</t>
    <rPh sb="5" eb="7">
      <t>ビジュツ</t>
    </rPh>
    <rPh sb="8" eb="9">
      <t>カン</t>
    </rPh>
    <rPh sb="11" eb="13">
      <t>ガッカ</t>
    </rPh>
    <phoneticPr fontId="2"/>
  </si>
  <si>
    <t>県立横浜清陵</t>
    <rPh sb="0" eb="2">
      <t>ケンリツ</t>
    </rPh>
    <rPh sb="2" eb="4">
      <t>ヨコハマ</t>
    </rPh>
    <rPh sb="4" eb="6">
      <t>セイリョウ</t>
    </rPh>
    <phoneticPr fontId="2"/>
  </si>
  <si>
    <t>単位制　専門学科（農業に関する学科）</t>
    <rPh sb="9" eb="11">
      <t>ノウギョウ</t>
    </rPh>
    <rPh sb="12" eb="13">
      <t>カン</t>
    </rPh>
    <rPh sb="15" eb="17">
      <t>ガッカ</t>
    </rPh>
    <phoneticPr fontId="5"/>
  </si>
  <si>
    <t>県立吉田島</t>
    <rPh sb="0" eb="2">
      <t>ケンリツ</t>
    </rPh>
    <rPh sb="2" eb="5">
      <t>ヨシダジマ</t>
    </rPh>
    <phoneticPr fontId="5"/>
  </si>
  <si>
    <t>単位制　専門学科（体育に関する学科）</t>
    <rPh sb="9" eb="11">
      <t>タイイク</t>
    </rPh>
    <rPh sb="12" eb="13">
      <t>カン</t>
    </rPh>
    <rPh sb="15" eb="17">
      <t>ガッカ</t>
    </rPh>
    <phoneticPr fontId="5"/>
  </si>
  <si>
    <t>スポーツ科学科</t>
    <rPh sb="4" eb="6">
      <t>カガク</t>
    </rPh>
    <rPh sb="6" eb="7">
      <t>カ</t>
    </rPh>
    <phoneticPr fontId="5"/>
  </si>
  <si>
    <t>単位制　専門学科（音楽に関する学科）</t>
    <rPh sb="9" eb="11">
      <t>オンガク</t>
    </rPh>
    <rPh sb="12" eb="13">
      <t>カン</t>
    </rPh>
    <rPh sb="15" eb="17">
      <t>ガッカ</t>
    </rPh>
    <phoneticPr fontId="5"/>
  </si>
  <si>
    <t>単位制　専門学科（美術に関する学科）</t>
    <rPh sb="9" eb="11">
      <t>ビジュツ</t>
    </rPh>
    <rPh sb="12" eb="13">
      <t>カン</t>
    </rPh>
    <rPh sb="15" eb="17">
      <t>ガッカ</t>
    </rPh>
    <phoneticPr fontId="5"/>
  </si>
  <si>
    <t>単位制　専門学科（国際関係に関する学科）</t>
    <rPh sb="9" eb="11">
      <t>コクサイ</t>
    </rPh>
    <rPh sb="11" eb="13">
      <t>カンケイ</t>
    </rPh>
    <rPh sb="14" eb="15">
      <t>カン</t>
    </rPh>
    <rPh sb="17" eb="19">
      <t>ガッカ</t>
    </rPh>
    <phoneticPr fontId="5"/>
  </si>
  <si>
    <t>県立西湘</t>
    <rPh sb="0" eb="2">
      <t>ケンリツ</t>
    </rPh>
    <rPh sb="2" eb="3">
      <t>ニシ</t>
    </rPh>
    <rPh sb="3" eb="4">
      <t>ショウ</t>
    </rPh>
    <phoneticPr fontId="2"/>
  </si>
  <si>
    <t>県立伊志田</t>
    <rPh sb="0" eb="2">
      <t>ケンリツ</t>
    </rPh>
    <rPh sb="2" eb="3">
      <t>イ</t>
    </rPh>
    <rPh sb="3" eb="5">
      <t>シダ</t>
    </rPh>
    <phoneticPr fontId="2"/>
  </si>
  <si>
    <t>横浜市立みなと総合</t>
    <rPh sb="0" eb="4">
      <t>ヨコハマシリツ</t>
    </rPh>
    <rPh sb="7" eb="9">
      <t>ソウゴウ</t>
    </rPh>
    <phoneticPr fontId="5"/>
  </si>
  <si>
    <t>単位制普通科</t>
    <rPh sb="0" eb="3">
      <t>タンイ</t>
    </rPh>
    <rPh sb="3" eb="5">
      <t>フツウ</t>
    </rPh>
    <rPh sb="5" eb="6">
      <t>カ</t>
    </rPh>
    <phoneticPr fontId="2"/>
  </si>
  <si>
    <t>県立麻生総合</t>
    <rPh sb="0" eb="2">
      <t>ケンリツ</t>
    </rPh>
    <rPh sb="2" eb="4">
      <t>アサオ</t>
    </rPh>
    <rPh sb="4" eb="6">
      <t>ソウゴウ</t>
    </rPh>
    <phoneticPr fontId="5"/>
  </si>
  <si>
    <t xml:space="preserve"> 学科名</t>
    <rPh sb="1" eb="2">
      <t>ガク</t>
    </rPh>
    <rPh sb="2" eb="3">
      <t>カ</t>
    </rPh>
    <rPh sb="3" eb="4">
      <t>ナ</t>
    </rPh>
    <phoneticPr fontId="2"/>
  </si>
  <si>
    <t>　市　立　　計</t>
    <rPh sb="1" eb="2">
      <t>シ</t>
    </rPh>
    <rPh sb="3" eb="4">
      <t>タテ</t>
    </rPh>
    <rPh sb="6" eb="7">
      <t>ケイ</t>
    </rPh>
    <phoneticPr fontId="5"/>
  </si>
  <si>
    <t>県立三浦初声</t>
    <rPh sb="0" eb="1">
      <t>ケン</t>
    </rPh>
    <rPh sb="1" eb="2">
      <t>リツ</t>
    </rPh>
    <rPh sb="2" eb="4">
      <t>ミウラ</t>
    </rPh>
    <rPh sb="4" eb="5">
      <t>ハツ</t>
    </rPh>
    <rPh sb="5" eb="6">
      <t>コエ</t>
    </rPh>
    <phoneticPr fontId="5"/>
  </si>
  <si>
    <t>専門学科（工業に関する学科）</t>
    <rPh sb="0" eb="2">
      <t>センモン</t>
    </rPh>
    <rPh sb="2" eb="4">
      <t>ガッカ</t>
    </rPh>
    <rPh sb="5" eb="7">
      <t>コウギョウ</t>
    </rPh>
    <rPh sb="8" eb="9">
      <t>カン</t>
    </rPh>
    <rPh sb="11" eb="13">
      <t>ガッカ</t>
    </rPh>
    <phoneticPr fontId="2"/>
  </si>
  <si>
    <t>専門学科（商業に関する学科）</t>
    <rPh sb="0" eb="2">
      <t>センモン</t>
    </rPh>
    <rPh sb="2" eb="4">
      <t>ガッカ</t>
    </rPh>
    <rPh sb="5" eb="7">
      <t>ショウギョウ</t>
    </rPh>
    <rPh sb="8" eb="9">
      <t>カン</t>
    </rPh>
    <rPh sb="11" eb="13">
      <t>ガッカ</t>
    </rPh>
    <phoneticPr fontId="2"/>
  </si>
  <si>
    <t>(A)+(B)</t>
    <phoneticPr fontId="2"/>
  </si>
  <si>
    <t>追検査</t>
    <rPh sb="0" eb="1">
      <t>ツイ</t>
    </rPh>
    <rPh sb="1" eb="3">
      <t>ケンサ</t>
    </rPh>
    <phoneticPr fontId="2"/>
  </si>
  <si>
    <t>(A+B-D)/C</t>
    <phoneticPr fontId="2"/>
  </si>
  <si>
    <t>(D)</t>
    <phoneticPr fontId="2"/>
  </si>
  <si>
    <t>(C)</t>
    <phoneticPr fontId="2"/>
  </si>
  <si>
    <t>(D)</t>
    <phoneticPr fontId="5"/>
  </si>
  <si>
    <t>県立三浦初声</t>
    <rPh sb="0" eb="2">
      <t>ケンリツ</t>
    </rPh>
    <rPh sb="2" eb="4">
      <t>ミウラ</t>
    </rPh>
    <rPh sb="4" eb="5">
      <t>ハツ</t>
    </rPh>
    <rPh sb="5" eb="6">
      <t>コエ</t>
    </rPh>
    <phoneticPr fontId="2"/>
  </si>
  <si>
    <t>単位制普通科</t>
    <rPh sb="0" eb="3">
      <t>タンイセイ</t>
    </rPh>
    <rPh sb="3" eb="6">
      <t>フツウカ</t>
    </rPh>
    <phoneticPr fontId="5"/>
  </si>
  <si>
    <t>単位制　専門学科（家庭に関する学科）</t>
    <rPh sb="0" eb="3">
      <t>タンイセイ</t>
    </rPh>
    <rPh sb="4" eb="6">
      <t>センモン</t>
    </rPh>
    <rPh sb="6" eb="8">
      <t>ガッカ</t>
    </rPh>
    <rPh sb="9" eb="11">
      <t>カテイ</t>
    </rPh>
    <rPh sb="12" eb="13">
      <t>カン</t>
    </rPh>
    <rPh sb="15" eb="17">
      <t>ガッカ</t>
    </rPh>
    <phoneticPr fontId="2"/>
  </si>
  <si>
    <t>生活科学科</t>
    <rPh sb="0" eb="2">
      <t>セイカツ</t>
    </rPh>
    <rPh sb="2" eb="4">
      <t>カガク</t>
    </rPh>
    <rPh sb="4" eb="5">
      <t>カ</t>
    </rPh>
    <phoneticPr fontId="2"/>
  </si>
  <si>
    <t>単位制国際科国際バカロレアコース</t>
    <rPh sb="0" eb="3">
      <t>タンイセイ</t>
    </rPh>
    <rPh sb="3" eb="5">
      <t>コクサイ</t>
    </rPh>
    <rPh sb="5" eb="6">
      <t>カ</t>
    </rPh>
    <rPh sb="6" eb="8">
      <t>コクサイ</t>
    </rPh>
    <phoneticPr fontId="5"/>
  </si>
  <si>
    <t xml:space="preserve"> 学科 ・ コース名</t>
    <rPh sb="1" eb="2">
      <t>ガク</t>
    </rPh>
    <rPh sb="2" eb="3">
      <t>カ</t>
    </rPh>
    <rPh sb="9" eb="10">
      <t>ナ</t>
    </rPh>
    <phoneticPr fontId="2"/>
  </si>
  <si>
    <t>国際科国際バカロレア
コース</t>
    <rPh sb="0" eb="2">
      <t>コクサイ</t>
    </rPh>
    <rPh sb="2" eb="3">
      <t>カ</t>
    </rPh>
    <rPh sb="3" eb="5">
      <t>コクサイ</t>
    </rPh>
    <phoneticPr fontId="5"/>
  </si>
  <si>
    <t>１　一般募集共通選抜合格状況　（全日制の課程）</t>
    <rPh sb="2" eb="4">
      <t>イッパン</t>
    </rPh>
    <rPh sb="4" eb="6">
      <t>ボシュウ</t>
    </rPh>
    <rPh sb="6" eb="8">
      <t>キョウツウ</t>
    </rPh>
    <rPh sb="8" eb="10">
      <t>センバツ</t>
    </rPh>
    <rPh sb="10" eb="12">
      <t>ゴウカク</t>
    </rPh>
    <rPh sb="12" eb="14">
      <t>ジョウキョウ</t>
    </rPh>
    <rPh sb="16" eb="19">
      <t>ゼンニチセイ</t>
    </rPh>
    <rPh sb="20" eb="22">
      <t>カテイ</t>
    </rPh>
    <phoneticPr fontId="2"/>
  </si>
  <si>
    <t>３　一般募集共通選抜合格状況　（定時制の課程及び通信制の課程）</t>
    <rPh sb="2" eb="4">
      <t>イッパン</t>
    </rPh>
    <rPh sb="4" eb="6">
      <t>ボシュウ</t>
    </rPh>
    <rPh sb="6" eb="8">
      <t>キョウツウ</t>
    </rPh>
    <rPh sb="8" eb="10">
      <t>センバツ</t>
    </rPh>
    <rPh sb="10" eb="12">
      <t>ゴウカク</t>
    </rPh>
    <rPh sb="12" eb="14">
      <t>ジョウキョウ</t>
    </rPh>
    <rPh sb="16" eb="18">
      <t>テイジ</t>
    </rPh>
    <rPh sb="18" eb="19">
      <t>セイ</t>
    </rPh>
    <rPh sb="20" eb="22">
      <t>カテイ</t>
    </rPh>
    <rPh sb="22" eb="23">
      <t>オヨ</t>
    </rPh>
    <rPh sb="24" eb="27">
      <t>ツウシンセイ</t>
    </rPh>
    <rPh sb="28" eb="30">
      <t>カテイ</t>
    </rPh>
    <phoneticPr fontId="2"/>
  </si>
  <si>
    <t>４　特別募集及び中途退学者募集合格状況</t>
    <rPh sb="6" eb="7">
      <t>オヨ</t>
    </rPh>
    <rPh sb="15" eb="17">
      <t>ゴウカク</t>
    </rPh>
    <rPh sb="17" eb="19">
      <t>ジョウキョウ</t>
    </rPh>
    <phoneticPr fontId="2"/>
  </si>
  <si>
    <t>５　別科合格状況</t>
    <rPh sb="4" eb="6">
      <t>ゴウカク</t>
    </rPh>
    <rPh sb="6" eb="8">
      <t>ジョウキョウ</t>
    </rPh>
    <phoneticPr fontId="2"/>
  </si>
  <si>
    <t xml:space="preserve"> 学科名</t>
    <rPh sb="1" eb="2">
      <t>ガク</t>
    </rPh>
    <rPh sb="2" eb="3">
      <t>カ</t>
    </rPh>
    <rPh sb="3" eb="4">
      <t>メイ</t>
    </rPh>
    <phoneticPr fontId="2"/>
  </si>
  <si>
    <t>川　　　崎</t>
    <rPh sb="0" eb="1">
      <t>カワ</t>
    </rPh>
    <rPh sb="4" eb="5">
      <t>ザキ</t>
    </rPh>
    <phoneticPr fontId="2"/>
  </si>
  <si>
    <t>県　西</t>
    <rPh sb="0" eb="1">
      <t>ケン</t>
    </rPh>
    <rPh sb="2" eb="3">
      <t>ニシ</t>
    </rPh>
    <phoneticPr fontId="2"/>
  </si>
  <si>
    <t>県　　　　央</t>
    <rPh sb="0" eb="1">
      <t>ケン</t>
    </rPh>
    <rPh sb="5" eb="6">
      <t>オウ</t>
    </rPh>
    <phoneticPr fontId="2"/>
  </si>
  <si>
    <t>相　模　原</t>
    <rPh sb="0" eb="1">
      <t>ソウ</t>
    </rPh>
    <rPh sb="2" eb="3">
      <t>モ</t>
    </rPh>
    <rPh sb="4" eb="5">
      <t>ハラ</t>
    </rPh>
    <phoneticPr fontId="2"/>
  </si>
  <si>
    <t>２　連携募集合格状況</t>
    <rPh sb="2" eb="4">
      <t>レンケイ</t>
    </rPh>
    <rPh sb="4" eb="6">
      <t>ボシュウ</t>
    </rPh>
    <rPh sb="6" eb="8">
      <t>ゴウカク</t>
    </rPh>
    <rPh sb="8" eb="10">
      <t>ジョウキョウ</t>
    </rPh>
    <phoneticPr fontId="2"/>
  </si>
  <si>
    <t xml:space="preserve"> 学 科 ・ 部 名</t>
    <rPh sb="1" eb="2">
      <t>ガク</t>
    </rPh>
    <rPh sb="3" eb="4">
      <t>カ</t>
    </rPh>
    <rPh sb="7" eb="8">
      <t>ブ</t>
    </rPh>
    <rPh sb="9" eb="10">
      <t>ナ</t>
    </rPh>
    <phoneticPr fontId="2"/>
  </si>
  <si>
    <t>県立横浜氷取沢</t>
    <rPh sb="0" eb="2">
      <t>ケンリツ</t>
    </rPh>
    <rPh sb="2" eb="4">
      <t>ヨコハマ</t>
    </rPh>
    <rPh sb="4" eb="7">
      <t>ヒトリザワ</t>
    </rPh>
    <phoneticPr fontId="2"/>
  </si>
  <si>
    <t xml:space="preserve"> 県立横須賀南</t>
    <rPh sb="1" eb="3">
      <t>ケンリツ</t>
    </rPh>
    <rPh sb="3" eb="6">
      <t>ヨコスカ</t>
    </rPh>
    <rPh sb="6" eb="7">
      <t>ミナミ</t>
    </rPh>
    <phoneticPr fontId="2"/>
  </si>
  <si>
    <t>県立平塚農商</t>
    <rPh sb="0" eb="2">
      <t>ケンリツ</t>
    </rPh>
    <rPh sb="2" eb="4">
      <t>ヒラツカ</t>
    </rPh>
    <rPh sb="4" eb="5">
      <t>ノウ</t>
    </rPh>
    <rPh sb="5" eb="6">
      <t>ショウ</t>
    </rPh>
    <phoneticPr fontId="2"/>
  </si>
  <si>
    <t>都市農業科</t>
    <rPh sb="0" eb="2">
      <t>トシ</t>
    </rPh>
    <rPh sb="2" eb="4">
      <t>ノウギョウ</t>
    </rPh>
    <rPh sb="4" eb="5">
      <t>カ</t>
    </rPh>
    <phoneticPr fontId="3"/>
  </si>
  <si>
    <t>県立横須賀南</t>
    <rPh sb="0" eb="2">
      <t>ケンリツ</t>
    </rPh>
    <rPh sb="2" eb="5">
      <t>ヨコスカ</t>
    </rPh>
    <rPh sb="5" eb="6">
      <t>ミナミ</t>
    </rPh>
    <phoneticPr fontId="3"/>
  </si>
  <si>
    <t>福祉科</t>
    <rPh sb="0" eb="2">
      <t>フクシ</t>
    </rPh>
    <rPh sb="2" eb="3">
      <t>カ</t>
    </rPh>
    <phoneticPr fontId="3"/>
  </si>
  <si>
    <t>県立相模原弥栄</t>
    <rPh sb="0" eb="2">
      <t>ケンリツ</t>
    </rPh>
    <rPh sb="2" eb="5">
      <t>サガミハラ</t>
    </rPh>
    <rPh sb="5" eb="6">
      <t>ヤ</t>
    </rPh>
    <rPh sb="6" eb="7">
      <t>サカ</t>
    </rPh>
    <phoneticPr fontId="2"/>
  </si>
  <si>
    <t>県立相模原弥栄</t>
    <rPh sb="0" eb="2">
      <t>ケンリツ</t>
    </rPh>
    <rPh sb="2" eb="5">
      <t>サガミハラ</t>
    </rPh>
    <rPh sb="5" eb="7">
      <t>ヤエイ</t>
    </rPh>
    <phoneticPr fontId="5"/>
  </si>
  <si>
    <t>国際科</t>
    <rPh sb="0" eb="2">
      <t>コクサイ</t>
    </rPh>
    <rPh sb="2" eb="3">
      <t>カ</t>
    </rPh>
    <phoneticPr fontId="5"/>
  </si>
  <si>
    <t>県立高浜</t>
    <rPh sb="0" eb="2">
      <t>ケンリツ</t>
    </rPh>
    <rPh sb="2" eb="4">
      <t>タカハマ</t>
    </rPh>
    <phoneticPr fontId="12"/>
  </si>
  <si>
    <t>普通科</t>
    <rPh sb="0" eb="3">
      <t>フツウカ</t>
    </rPh>
    <phoneticPr fontId="12"/>
  </si>
  <si>
    <t>単位制国際科</t>
    <rPh sb="0" eb="3">
      <t>タンイセイ</t>
    </rPh>
    <rPh sb="3" eb="5">
      <t>コクサイ</t>
    </rPh>
    <rPh sb="5" eb="6">
      <t>カ</t>
    </rPh>
    <phoneticPr fontId="5"/>
  </si>
  <si>
    <t>県立相模原弥栄</t>
    <rPh sb="0" eb="2">
      <t>ケンリツ</t>
    </rPh>
    <rPh sb="2" eb="5">
      <t>サガミハラ</t>
    </rPh>
    <rPh sb="5" eb="7">
      <t>ヤエイ</t>
    </rPh>
    <phoneticPr fontId="2"/>
  </si>
  <si>
    <t>インクルーシブ教育実践推進校特別募集</t>
    <rPh sb="7" eb="9">
      <t>キョウイク</t>
    </rPh>
    <rPh sb="9" eb="11">
      <t>ジッセン</t>
    </rPh>
    <rPh sb="11" eb="13">
      <t>スイシン</t>
    </rPh>
    <rPh sb="13" eb="14">
      <t>コウ</t>
    </rPh>
    <rPh sb="14" eb="16">
      <t>トクベツ</t>
    </rPh>
    <rPh sb="16" eb="18">
      <t>ボシュウ</t>
    </rPh>
    <phoneticPr fontId="5"/>
  </si>
  <si>
    <t>普通科</t>
    <rPh sb="0" eb="2">
      <t>フツウ</t>
    </rPh>
    <rPh sb="2" eb="3">
      <t>カ</t>
    </rPh>
    <phoneticPr fontId="6"/>
  </si>
  <si>
    <t>県立橋本</t>
    <rPh sb="0" eb="2">
      <t>ケンリツ</t>
    </rPh>
    <rPh sb="2" eb="4">
      <t>ハシモト</t>
    </rPh>
    <phoneticPr fontId="6"/>
  </si>
  <si>
    <t>　　　　　　　計</t>
    <rPh sb="7" eb="8">
      <t>ケイ</t>
    </rPh>
    <phoneticPr fontId="5"/>
  </si>
  <si>
    <t>都市環境科</t>
    <rPh sb="0" eb="2">
      <t>トシ</t>
    </rPh>
    <rPh sb="2" eb="4">
      <t>カンキョウ</t>
    </rPh>
    <rPh sb="4" eb="5">
      <t>カ</t>
    </rPh>
    <phoneticPr fontId="10"/>
  </si>
  <si>
    <t>　　〃</t>
  </si>
  <si>
    <t>県立伊勢原</t>
    <rPh sb="0" eb="2">
      <t>ケンリツ</t>
    </rPh>
    <rPh sb="2" eb="5">
      <t>イセハラ</t>
    </rPh>
    <phoneticPr fontId="3"/>
  </si>
  <si>
    <t>県立高浜</t>
    <rPh sb="0" eb="2">
      <t>ケンリツ</t>
    </rPh>
    <rPh sb="2" eb="4">
      <t>タカハマ</t>
    </rPh>
    <phoneticPr fontId="6"/>
  </si>
  <si>
    <t>※　県立横浜国際高等学校単位制国際科は、単位制国際科国際バカロレアコースを除く国際科です。</t>
    <rPh sb="8" eb="10">
      <t>コウトウ</t>
    </rPh>
    <rPh sb="10" eb="12">
      <t>ガッコウ</t>
    </rPh>
    <phoneticPr fontId="5"/>
  </si>
  <si>
    <t>舞台芸術科</t>
    <rPh sb="0" eb="2">
      <t>ブタイ</t>
    </rPh>
    <rPh sb="2" eb="4">
      <t>ゲイジュツ</t>
    </rPh>
    <rPh sb="4" eb="5">
      <t>カ</t>
    </rPh>
    <phoneticPr fontId="2"/>
  </si>
  <si>
    <t>単位制　専門学科（舞台芸術に関する学科）</t>
    <rPh sb="9" eb="11">
      <t>ブタイ</t>
    </rPh>
    <rPh sb="11" eb="13">
      <t>ゲイジュツ</t>
    </rPh>
    <rPh sb="14" eb="15">
      <t>カン</t>
    </rPh>
    <rPh sb="17" eb="19">
      <t>ガッカ</t>
    </rPh>
    <phoneticPr fontId="5"/>
  </si>
  <si>
    <t>　なお、定通分割選抜実施校において、共通選抜における欠員は定通分割選抜募集人員に加えます。</t>
    <rPh sb="4" eb="5">
      <t>テイ</t>
    </rPh>
    <rPh sb="5" eb="6">
      <t>ツウ</t>
    </rPh>
    <rPh sb="6" eb="8">
      <t>ブンカツ</t>
    </rPh>
    <rPh sb="8" eb="10">
      <t>センバツ</t>
    </rPh>
    <rPh sb="10" eb="12">
      <t>ジッシ</t>
    </rPh>
    <rPh sb="12" eb="13">
      <t>コウ</t>
    </rPh>
    <rPh sb="18" eb="20">
      <t>キョウツウ</t>
    </rPh>
    <rPh sb="20" eb="22">
      <t>センバツ</t>
    </rPh>
    <rPh sb="26" eb="28">
      <t>ケツイン</t>
    </rPh>
    <rPh sb="29" eb="30">
      <t>テイ</t>
    </rPh>
    <rPh sb="30" eb="31">
      <t>ツウ</t>
    </rPh>
    <rPh sb="31" eb="33">
      <t>ブンカツ</t>
    </rPh>
    <rPh sb="33" eb="35">
      <t>センバツ</t>
    </rPh>
    <rPh sb="35" eb="37">
      <t>ボシュウ</t>
    </rPh>
    <rPh sb="37" eb="39">
      <t>ジンイン</t>
    </rPh>
    <rPh sb="40" eb="41">
      <t>クワ</t>
    </rPh>
    <phoneticPr fontId="2"/>
  </si>
  <si>
    <t>建設科</t>
    <rPh sb="0" eb="2">
      <t>ケンセツ</t>
    </rPh>
    <rPh sb="2" eb="3">
      <t>カ</t>
    </rPh>
    <phoneticPr fontId="2"/>
  </si>
  <si>
    <t>専門学科（水産に関する学科）</t>
    <rPh sb="5" eb="7">
      <t>スイサン</t>
    </rPh>
    <rPh sb="8" eb="9">
      <t>カン</t>
    </rPh>
    <rPh sb="11" eb="13">
      <t>ガッカ</t>
    </rPh>
    <phoneticPr fontId="2"/>
  </si>
  <si>
    <t>船舶運航科</t>
    <rPh sb="0" eb="2">
      <t>センパク</t>
    </rPh>
    <rPh sb="2" eb="4">
      <t>ウンコウ</t>
    </rPh>
    <rPh sb="4" eb="5">
      <t>カ</t>
    </rPh>
    <phoneticPr fontId="2"/>
  </si>
  <si>
    <t>水産食品科</t>
    <rPh sb="0" eb="2">
      <t>スイサン</t>
    </rPh>
    <rPh sb="2" eb="4">
      <t>ショクヒン</t>
    </rPh>
    <rPh sb="4" eb="5">
      <t>カ</t>
    </rPh>
    <phoneticPr fontId="2"/>
  </si>
  <si>
    <t>無線技術科</t>
    <rPh sb="0" eb="2">
      <t>ムセン</t>
    </rPh>
    <rPh sb="2" eb="4">
      <t>ギジュツ</t>
    </rPh>
    <rPh sb="4" eb="5">
      <t>カ</t>
    </rPh>
    <phoneticPr fontId="2"/>
  </si>
  <si>
    <t>生物環境科</t>
    <rPh sb="0" eb="2">
      <t>セイブツ</t>
    </rPh>
    <rPh sb="2" eb="4">
      <t>カンキョウ</t>
    </rPh>
    <rPh sb="4" eb="5">
      <t>カ</t>
    </rPh>
    <phoneticPr fontId="2"/>
  </si>
  <si>
    <t>県立鶴見総合</t>
    <rPh sb="0" eb="2">
      <t>ケンリツ</t>
    </rPh>
    <rPh sb="2" eb="4">
      <t>ツルミ</t>
    </rPh>
    <rPh sb="4" eb="6">
      <t>ソウゴウ</t>
    </rPh>
    <phoneticPr fontId="6"/>
  </si>
  <si>
    <t>県立横浜清陵</t>
    <rPh sb="0" eb="2">
      <t>ケンリツ</t>
    </rPh>
    <rPh sb="2" eb="4">
      <t>ヨコハマ</t>
    </rPh>
    <rPh sb="4" eb="6">
      <t>セイリョウ</t>
    </rPh>
    <phoneticPr fontId="6"/>
  </si>
  <si>
    <t>県立新栄</t>
    <rPh sb="0" eb="2">
      <t>ケンリツ</t>
    </rPh>
    <rPh sb="2" eb="4">
      <t>シンエイ</t>
    </rPh>
    <phoneticPr fontId="6"/>
  </si>
  <si>
    <t>県立川崎</t>
    <rPh sb="0" eb="2">
      <t>ケンリツ</t>
    </rPh>
    <rPh sb="2" eb="4">
      <t>カワサキ</t>
    </rPh>
    <phoneticPr fontId="6"/>
  </si>
  <si>
    <t>県立大師</t>
    <rPh sb="0" eb="2">
      <t>ケンリツ</t>
    </rPh>
    <rPh sb="2" eb="4">
      <t>ダイシ</t>
    </rPh>
    <phoneticPr fontId="6"/>
  </si>
  <si>
    <t>県立相模原弥栄</t>
    <rPh sb="0" eb="2">
      <t>ケンリツ</t>
    </rPh>
    <rPh sb="2" eb="5">
      <t>サガミハラ</t>
    </rPh>
    <rPh sb="5" eb="7">
      <t>ヤエイ</t>
    </rPh>
    <phoneticPr fontId="6"/>
  </si>
  <si>
    <t>県立藤沢総合</t>
    <rPh sb="0" eb="2">
      <t>ケンリツ</t>
    </rPh>
    <rPh sb="2" eb="4">
      <t>フジサワ</t>
    </rPh>
    <rPh sb="4" eb="6">
      <t>ソウゴウ</t>
    </rPh>
    <phoneticPr fontId="6"/>
  </si>
  <si>
    <t>県立大和南</t>
    <rPh sb="0" eb="2">
      <t>ケンリツ</t>
    </rPh>
    <rPh sb="2" eb="4">
      <t>ヤマト</t>
    </rPh>
    <rPh sb="4" eb="5">
      <t>ミナミ</t>
    </rPh>
    <phoneticPr fontId="6"/>
  </si>
  <si>
    <t>県立座間総合</t>
    <rPh sb="0" eb="2">
      <t>ケンリツ</t>
    </rPh>
    <rPh sb="2" eb="4">
      <t>ザマ</t>
    </rPh>
    <rPh sb="4" eb="6">
      <t>ソウゴウ</t>
    </rPh>
    <phoneticPr fontId="6"/>
  </si>
  <si>
    <t>県立愛川</t>
    <rPh sb="0" eb="1">
      <t>ケン</t>
    </rPh>
    <rPh sb="1" eb="2">
      <t>リツ</t>
    </rPh>
    <rPh sb="2" eb="4">
      <t>アイカワ</t>
    </rPh>
    <phoneticPr fontId="6"/>
  </si>
  <si>
    <t>県立横浜明朋</t>
    <rPh sb="0" eb="2">
      <t>ケンリツ</t>
    </rPh>
    <rPh sb="2" eb="4">
      <t>ヨコハマ</t>
    </rPh>
    <rPh sb="4" eb="5">
      <t>メイ</t>
    </rPh>
    <rPh sb="5" eb="6">
      <t>ホウ</t>
    </rPh>
    <phoneticPr fontId="13"/>
  </si>
  <si>
    <t>単位制普通科 午前部</t>
    <rPh sb="0" eb="3">
      <t>タンイセイ</t>
    </rPh>
    <rPh sb="3" eb="5">
      <t>フツウ</t>
    </rPh>
    <rPh sb="5" eb="6">
      <t>カ</t>
    </rPh>
    <rPh sb="7" eb="9">
      <t>ゴゼン</t>
    </rPh>
    <rPh sb="9" eb="10">
      <t>ブ</t>
    </rPh>
    <phoneticPr fontId="13"/>
  </si>
  <si>
    <t>単位制普通科 午後部</t>
    <rPh sb="0" eb="3">
      <t>タンイセイ</t>
    </rPh>
    <rPh sb="3" eb="5">
      <t>フツウ</t>
    </rPh>
    <rPh sb="5" eb="6">
      <t>カ</t>
    </rPh>
    <rPh sb="7" eb="9">
      <t>ゴゴ</t>
    </rPh>
    <rPh sb="9" eb="10">
      <t>ブ</t>
    </rPh>
    <phoneticPr fontId="13"/>
  </si>
  <si>
    <t>県立横浜旭陵</t>
    <rPh sb="0" eb="2">
      <t>ケンリツ</t>
    </rPh>
    <rPh sb="2" eb="4">
      <t>ヨコハマ</t>
    </rPh>
    <rPh sb="4" eb="6">
      <t>キョクリョウ</t>
    </rPh>
    <phoneticPr fontId="6"/>
  </si>
  <si>
    <t>県立茅ケ崎</t>
    <phoneticPr fontId="5"/>
  </si>
  <si>
    <t>※　県立横浜国際高等学校国際科の合格者数には、第２希望による合格者が含まれています。</t>
    <rPh sb="2" eb="4">
      <t>ケンリツ</t>
    </rPh>
    <rPh sb="4" eb="6">
      <t>ヨコハマ</t>
    </rPh>
    <rPh sb="6" eb="8">
      <t>コクサイ</t>
    </rPh>
    <rPh sb="8" eb="10">
      <t>コウトウ</t>
    </rPh>
    <rPh sb="10" eb="12">
      <t>ガッコウ</t>
    </rPh>
    <rPh sb="12" eb="14">
      <t>コクサイ</t>
    </rPh>
    <rPh sb="14" eb="15">
      <t>カ</t>
    </rPh>
    <rPh sb="15" eb="16">
      <t>ガッカ</t>
    </rPh>
    <rPh sb="16" eb="19">
      <t>ゴウカクシャ</t>
    </rPh>
    <rPh sb="19" eb="20">
      <t>スウ</t>
    </rPh>
    <rPh sb="23" eb="24">
      <t>ダイ</t>
    </rPh>
    <rPh sb="25" eb="27">
      <t>キボウ</t>
    </rPh>
    <rPh sb="30" eb="33">
      <t>ゴウカクシャ</t>
    </rPh>
    <rPh sb="34" eb="35">
      <t>フク</t>
    </rPh>
    <phoneticPr fontId="2"/>
  </si>
  <si>
    <t>県立横浜瀬谷</t>
    <rPh sb="0" eb="2">
      <t>ケンリツ</t>
    </rPh>
    <rPh sb="2" eb="4">
      <t>ヨコハマ</t>
    </rPh>
    <rPh sb="4" eb="6">
      <t>セヤ</t>
    </rPh>
    <phoneticPr fontId="2"/>
  </si>
  <si>
    <t>県立逗子葉山</t>
    <rPh sb="0" eb="2">
      <t>ケンリツ</t>
    </rPh>
    <rPh sb="2" eb="4">
      <t>ズシ</t>
    </rPh>
    <rPh sb="4" eb="6">
      <t>ハヤマ</t>
    </rPh>
    <phoneticPr fontId="11"/>
  </si>
  <si>
    <t>県立相模原城山</t>
    <rPh sb="0" eb="2">
      <t>ケンリツ</t>
    </rPh>
    <rPh sb="2" eb="5">
      <t>サガミハラ</t>
    </rPh>
    <rPh sb="5" eb="7">
      <t>シロヤマ</t>
    </rPh>
    <phoneticPr fontId="2"/>
  </si>
  <si>
    <t>横浜市立横浜総合</t>
    <rPh sb="0" eb="3">
      <t>ヨコハマシ</t>
    </rPh>
    <rPh sb="3" eb="4">
      <t>リツ</t>
    </rPh>
    <rPh sb="4" eb="6">
      <t>ヨコハマ</t>
    </rPh>
    <rPh sb="6" eb="8">
      <t>ソウゴウ</t>
    </rPh>
    <phoneticPr fontId="2"/>
  </si>
  <si>
    <t>総合学科 Ⅱ部</t>
    <rPh sb="0" eb="2">
      <t>ソウゴウ</t>
    </rPh>
    <rPh sb="2" eb="4">
      <t>ガッカ</t>
    </rPh>
    <rPh sb="6" eb="7">
      <t>ブ</t>
    </rPh>
    <phoneticPr fontId="2"/>
  </si>
  <si>
    <t>川崎市立川崎</t>
    <rPh sb="0" eb="3">
      <t>カワサキシ</t>
    </rPh>
    <rPh sb="3" eb="4">
      <t>リツ</t>
    </rPh>
    <rPh sb="4" eb="6">
      <t>カワサキ</t>
    </rPh>
    <phoneticPr fontId="2"/>
  </si>
  <si>
    <t>普通科 昼間部</t>
    <rPh sb="0" eb="3">
      <t>フツウカ</t>
    </rPh>
    <rPh sb="4" eb="6">
      <t>チュウカン</t>
    </rPh>
    <rPh sb="6" eb="7">
      <t>ブ</t>
    </rPh>
    <phoneticPr fontId="2"/>
  </si>
  <si>
    <t>※　県立相模向陽館高等学校普通科午後部の合格者数には、第２希望による合格者が含まれています。</t>
    <rPh sb="4" eb="6">
      <t>サガミ</t>
    </rPh>
    <rPh sb="6" eb="8">
      <t>コウヨウ</t>
    </rPh>
    <rPh sb="8" eb="9">
      <t>カン</t>
    </rPh>
    <rPh sb="9" eb="11">
      <t>コウトウ</t>
    </rPh>
    <rPh sb="11" eb="13">
      <t>ガッコウ</t>
    </rPh>
    <rPh sb="13" eb="16">
      <t>フツウカ</t>
    </rPh>
    <rPh sb="16" eb="18">
      <t>ゴゴ</t>
    </rPh>
    <rPh sb="18" eb="19">
      <t>ブ</t>
    </rPh>
    <rPh sb="20" eb="23">
      <t>ゴウカクシャ</t>
    </rPh>
    <rPh sb="23" eb="24">
      <t>スウ</t>
    </rPh>
    <rPh sb="27" eb="28">
      <t>ダイ</t>
    </rPh>
    <rPh sb="29" eb="31">
      <t>キボウ</t>
    </rPh>
    <rPh sb="34" eb="37">
      <t>ゴウカクシャ</t>
    </rPh>
    <rPh sb="38" eb="39">
      <t>フク</t>
    </rPh>
    <phoneticPr fontId="5"/>
  </si>
  <si>
    <t>※　横浜市立横浜総合高等学校総合学科Ⅲ部の合格者数には、第２希望による合格者が含まれています。</t>
    <rPh sb="2" eb="5">
      <t>ヨコハマシ</t>
    </rPh>
    <rPh sb="5" eb="6">
      <t>リツ</t>
    </rPh>
    <rPh sb="6" eb="8">
      <t>ヨコハマ</t>
    </rPh>
    <rPh sb="8" eb="10">
      <t>ソウゴウ</t>
    </rPh>
    <rPh sb="10" eb="12">
      <t>コウトウ</t>
    </rPh>
    <rPh sb="12" eb="14">
      <t>ガッコウ</t>
    </rPh>
    <rPh sb="14" eb="16">
      <t>ソウゴウ</t>
    </rPh>
    <rPh sb="16" eb="18">
      <t>ガッカ</t>
    </rPh>
    <rPh sb="19" eb="20">
      <t>ブ</t>
    </rPh>
    <rPh sb="21" eb="24">
      <t>ゴウカクシャ</t>
    </rPh>
    <rPh sb="24" eb="25">
      <t>スウ</t>
    </rPh>
    <rPh sb="28" eb="29">
      <t>ダイ</t>
    </rPh>
    <rPh sb="30" eb="32">
      <t>キボウ</t>
    </rPh>
    <rPh sb="35" eb="38">
      <t>ゴウカクシャ</t>
    </rPh>
    <rPh sb="39" eb="40">
      <t>フク</t>
    </rPh>
    <phoneticPr fontId="5"/>
  </si>
  <si>
    <t>※　県立横浜明朋高等学校単位制普通科午後部の合格者数には、第２希望による合格者が含まれています。</t>
    <rPh sb="4" eb="6">
      <t>ヨコハマ</t>
    </rPh>
    <rPh sb="6" eb="7">
      <t>メイ</t>
    </rPh>
    <rPh sb="7" eb="8">
      <t>ホウ</t>
    </rPh>
    <rPh sb="8" eb="10">
      <t>コウトウ</t>
    </rPh>
    <rPh sb="10" eb="12">
      <t>ガッコウ</t>
    </rPh>
    <rPh sb="12" eb="15">
      <t>タンイセイ</t>
    </rPh>
    <rPh sb="15" eb="18">
      <t>フツウカ</t>
    </rPh>
    <rPh sb="18" eb="20">
      <t>ゴゴ</t>
    </rPh>
    <rPh sb="20" eb="21">
      <t>ブ</t>
    </rPh>
    <rPh sb="22" eb="25">
      <t>ゴウカクシャ</t>
    </rPh>
    <rPh sb="25" eb="26">
      <t>スウ</t>
    </rPh>
    <rPh sb="29" eb="30">
      <t>ダイ</t>
    </rPh>
    <rPh sb="31" eb="33">
      <t>キボウ</t>
    </rPh>
    <rPh sb="36" eb="39">
      <t>ゴウカクシャ</t>
    </rPh>
    <rPh sb="40" eb="41">
      <t>フク</t>
    </rPh>
    <phoneticPr fontId="5"/>
  </si>
  <si>
    <t>令和６年度神奈川県公立高等学校入学者選抜一般募集共通選抜等合格状況
（各学校別の合格の状況等）</t>
    <rPh sb="0" eb="2">
      <t>レイワ</t>
    </rPh>
    <rPh sb="3" eb="5">
      <t>ネンド</t>
    </rPh>
    <rPh sb="5" eb="9">
      <t>カナガワケン</t>
    </rPh>
    <rPh sb="9" eb="11">
      <t>コウリツ</t>
    </rPh>
    <rPh sb="11" eb="13">
      <t>コウトウ</t>
    </rPh>
    <rPh sb="13" eb="15">
      <t>ガッコウ</t>
    </rPh>
    <rPh sb="15" eb="18">
      <t>ニュウガクシャ</t>
    </rPh>
    <rPh sb="18" eb="20">
      <t>センバツ</t>
    </rPh>
    <phoneticPr fontId="2"/>
  </si>
  <si>
    <t>県立厚木王子</t>
    <rPh sb="0" eb="2">
      <t>ケンリツ</t>
    </rPh>
    <rPh sb="2" eb="4">
      <t>アツギ</t>
    </rPh>
    <rPh sb="4" eb="6">
      <t>オウジ</t>
    </rPh>
    <phoneticPr fontId="2"/>
  </si>
  <si>
    <t>県立保土ケ谷</t>
    <rPh sb="0" eb="2">
      <t>ケンリツ</t>
    </rPh>
    <rPh sb="2" eb="6">
      <t>ホドガヤ</t>
    </rPh>
    <phoneticPr fontId="5"/>
  </si>
  <si>
    <t>県立白山</t>
    <rPh sb="0" eb="2">
      <t>ケンリツ</t>
    </rPh>
    <rPh sb="2" eb="4">
      <t>ハクサン</t>
    </rPh>
    <phoneticPr fontId="5"/>
  </si>
  <si>
    <t>県立菅</t>
    <rPh sb="0" eb="2">
      <t>ケンリツ</t>
    </rPh>
    <rPh sb="2" eb="3">
      <t>スゲ</t>
    </rPh>
    <phoneticPr fontId="5"/>
  </si>
  <si>
    <r>
      <t>※　普通科クリエイティブスクールの受検者数２月</t>
    </r>
    <r>
      <rPr>
        <sz val="10"/>
        <rFont val="ＭＳ Ｐ明朝"/>
        <family val="1"/>
        <charset val="128"/>
      </rPr>
      <t>14日(A)は、２月16日までの特色検査（面接）の受検者数です。</t>
    </r>
    <rPh sb="39" eb="41">
      <t>トクショク</t>
    </rPh>
    <rPh sb="41" eb="43">
      <t>ケンサ</t>
    </rPh>
    <rPh sb="44" eb="46">
      <t>メンセツ</t>
    </rPh>
    <rPh sb="48" eb="50">
      <t>ジュケン</t>
    </rPh>
    <rPh sb="50" eb="51">
      <t>シャ</t>
    </rPh>
    <rPh sb="51" eb="52">
      <t>スウ</t>
    </rPh>
    <phoneticPr fontId="2"/>
  </si>
  <si>
    <t>県立横浜南陵</t>
    <rPh sb="2" eb="4">
      <t>ヨコハマ</t>
    </rPh>
    <rPh sb="4" eb="6">
      <t>ナンリョウ</t>
    </rPh>
    <phoneticPr fontId="5"/>
  </si>
  <si>
    <t>※　通信制の課程の受検者数２月14日(A)は、２月16日までの作文の受検者数です。</t>
    <rPh sb="2" eb="5">
      <t>ツウシンセイ</t>
    </rPh>
    <rPh sb="6" eb="8">
      <t>カテイ</t>
    </rPh>
    <rPh sb="31" eb="33">
      <t>サクブン</t>
    </rPh>
    <phoneticPr fontId="2"/>
  </si>
  <si>
    <t>－</t>
  </si>
  <si>
    <t>※　インクルーシブ教育実践推進校特別募集の受検者数２月15日(A)は、２月16日までのものです。</t>
    <rPh sb="9" eb="11">
      <t>キョウイク</t>
    </rPh>
    <rPh sb="11" eb="13">
      <t>ジッセン</t>
    </rPh>
    <rPh sb="13" eb="15">
      <t>スイシン</t>
    </rPh>
    <rPh sb="15" eb="16">
      <t>コウ</t>
    </rPh>
    <rPh sb="16" eb="18">
      <t>トクベツ</t>
    </rPh>
    <rPh sb="18" eb="20">
      <t>ボシュウ</t>
    </rPh>
    <phoneticPr fontId="5"/>
  </si>
  <si>
    <t>２月14日</t>
  </si>
  <si>
    <t>２月15日</t>
  </si>
  <si>
    <t>２月15日</t>
    <phoneticPr fontId="2"/>
  </si>
  <si>
    <t>※　川崎市立川崎総合科学高等学校総合電気科及び電子機械科の合格者数には、第２希望による合格者が含まれています。</t>
    <rPh sb="2" eb="6">
      <t>カワサキシリツ</t>
    </rPh>
    <rPh sb="6" eb="8">
      <t>カワサキ</t>
    </rPh>
    <rPh sb="8" eb="10">
      <t>ソウゴウ</t>
    </rPh>
    <rPh sb="10" eb="12">
      <t>カガク</t>
    </rPh>
    <rPh sb="12" eb="14">
      <t>コウトウ</t>
    </rPh>
    <rPh sb="14" eb="16">
      <t>ガッコウ</t>
    </rPh>
    <rPh sb="16" eb="18">
      <t>ソウゴウ</t>
    </rPh>
    <rPh sb="18" eb="20">
      <t>デンキ</t>
    </rPh>
    <rPh sb="20" eb="21">
      <t>カ</t>
    </rPh>
    <rPh sb="21" eb="22">
      <t>オヨ</t>
    </rPh>
    <rPh sb="23" eb="25">
      <t>デンシ</t>
    </rPh>
    <rPh sb="25" eb="27">
      <t>キカイ</t>
    </rPh>
    <rPh sb="27" eb="28">
      <t>カ</t>
    </rPh>
    <rPh sb="28" eb="29">
      <t>ガッカ</t>
    </rPh>
    <rPh sb="29" eb="32">
      <t>ゴウカクシャ</t>
    </rPh>
    <rPh sb="32" eb="33">
      <t>スウ</t>
    </rPh>
    <rPh sb="36" eb="37">
      <t>ダイ</t>
    </rPh>
    <rPh sb="38" eb="40">
      <t>キボウ</t>
    </rPh>
    <rPh sb="43" eb="46">
      <t>ゴウカクシャ</t>
    </rPh>
    <rPh sb="47" eb="48">
      <t>フク</t>
    </rPh>
    <phoneticPr fontId="2"/>
  </si>
  <si>
    <t>※　県立海洋科学高等学校水産食品科及び無線技術科の合格者数には、第２希望による合格者が含まれています。</t>
    <rPh sb="2" eb="4">
      <t>ケンリツ</t>
    </rPh>
    <rPh sb="4" eb="6">
      <t>カイヨウ</t>
    </rPh>
    <rPh sb="6" eb="8">
      <t>カガク</t>
    </rPh>
    <rPh sb="8" eb="10">
      <t>コウトウ</t>
    </rPh>
    <rPh sb="10" eb="12">
      <t>ガッコウ</t>
    </rPh>
    <rPh sb="12" eb="14">
      <t>スイサン</t>
    </rPh>
    <rPh sb="14" eb="16">
      <t>ショクヒン</t>
    </rPh>
    <rPh sb="16" eb="17">
      <t>カ</t>
    </rPh>
    <rPh sb="17" eb="18">
      <t>オヨ</t>
    </rPh>
    <rPh sb="19" eb="21">
      <t>ムセン</t>
    </rPh>
    <rPh sb="21" eb="23">
      <t>ギジュツ</t>
    </rPh>
    <rPh sb="23" eb="24">
      <t>カ</t>
    </rPh>
    <rPh sb="32" eb="33">
      <t>ダイ</t>
    </rPh>
    <rPh sb="34" eb="36">
      <t>キボウ</t>
    </rPh>
    <rPh sb="39" eb="42">
      <t>ゴウカクシャ</t>
    </rPh>
    <rPh sb="43" eb="44">
      <t>フク</t>
    </rPh>
    <phoneticPr fontId="2"/>
  </si>
  <si>
    <t>※　横浜市立横浜商業高等学校美容科の合格者数には、第２希望による合格者が含まれています。</t>
    <rPh sb="2" eb="5">
      <t>ヨコハマシ</t>
    </rPh>
    <rPh sb="5" eb="6">
      <t>リツ</t>
    </rPh>
    <rPh sb="6" eb="8">
      <t>ヨコハマ</t>
    </rPh>
    <rPh sb="8" eb="10">
      <t>ショウギョウ</t>
    </rPh>
    <rPh sb="10" eb="12">
      <t>コウトウ</t>
    </rPh>
    <rPh sb="12" eb="14">
      <t>ガッコウ</t>
    </rPh>
    <rPh sb="14" eb="16">
      <t>ビヨウ</t>
    </rPh>
    <rPh sb="16" eb="17">
      <t>カ</t>
    </rPh>
    <rPh sb="18" eb="21">
      <t>ゴウカクシャ</t>
    </rPh>
    <rPh sb="21" eb="22">
      <t>スウ</t>
    </rPh>
    <rPh sb="25" eb="26">
      <t>ダイ</t>
    </rPh>
    <rPh sb="27" eb="29">
      <t>キボウ</t>
    </rPh>
    <rPh sb="32" eb="35">
      <t>ゴウカクシャ</t>
    </rPh>
    <rPh sb="36" eb="37">
      <t>フク</t>
    </rPh>
    <phoneticPr fontId="5"/>
  </si>
  <si>
    <t>　　加えて決定しています。</t>
    <phoneticPr fontId="2"/>
  </si>
  <si>
    <t>　　います。</t>
    <phoneticPr fontId="2"/>
  </si>
  <si>
    <t>※　県立横浜国際高等学校国際科国際バカロレアコースの合格者は、海外帰国生徒特別募集における国際科国際バカロレアコースの欠員者数を</t>
    <rPh sb="2" eb="4">
      <t>ケンリツ</t>
    </rPh>
    <rPh sb="4" eb="6">
      <t>ヨコハマ</t>
    </rPh>
    <rPh sb="6" eb="8">
      <t>コクサイ</t>
    </rPh>
    <rPh sb="8" eb="10">
      <t>コウトウ</t>
    </rPh>
    <rPh sb="10" eb="12">
      <t>ガッコウ</t>
    </rPh>
    <rPh sb="12" eb="14">
      <t>コクサイ</t>
    </rPh>
    <rPh sb="14" eb="15">
      <t>カ</t>
    </rPh>
    <rPh sb="15" eb="17">
      <t>コクサイ</t>
    </rPh>
    <rPh sb="25" eb="26">
      <t>ガッカ</t>
    </rPh>
    <rPh sb="26" eb="29">
      <t>ゴウカクシャ</t>
    </rPh>
    <rPh sb="31" eb="33">
      <t>カイガイ</t>
    </rPh>
    <rPh sb="33" eb="35">
      <t>キコク</t>
    </rPh>
    <rPh sb="35" eb="37">
      <t>セイト</t>
    </rPh>
    <rPh sb="37" eb="39">
      <t>トクベツ</t>
    </rPh>
    <rPh sb="39" eb="41">
      <t>ボシュウ</t>
    </rPh>
    <rPh sb="59" eb="61">
      <t>ケツイン</t>
    </rPh>
    <rPh sb="61" eb="62">
      <t>シャ</t>
    </rPh>
    <rPh sb="62" eb="63">
      <t>スウ</t>
    </rPh>
    <phoneticPr fontId="2"/>
  </si>
  <si>
    <t>※　県立横浜国際高等学校国際科は、国際科国際バカロレアコースを除く国際科です。</t>
    <rPh sb="8" eb="10">
      <t>コウトウ</t>
    </rPh>
    <rPh sb="10" eb="12">
      <t>ガッコウ</t>
    </rPh>
    <phoneticPr fontId="2"/>
  </si>
  <si>
    <t>※　県立平塚農商高等学校都市農業科並びに県立中央農業高等学校園芸科学科及び農業総合科の合格者数には、第２希望による合格者が含まれて</t>
    <rPh sb="4" eb="6">
      <t>ヒラツカ</t>
    </rPh>
    <rPh sb="6" eb="7">
      <t>ノウ</t>
    </rPh>
    <rPh sb="7" eb="8">
      <t>ショウ</t>
    </rPh>
    <rPh sb="8" eb="10">
      <t>コウトウ</t>
    </rPh>
    <rPh sb="10" eb="12">
      <t>ガッコウ</t>
    </rPh>
    <rPh sb="12" eb="14">
      <t>トシ</t>
    </rPh>
    <rPh sb="14" eb="16">
      <t>ノウギョウ</t>
    </rPh>
    <rPh sb="16" eb="17">
      <t>カ</t>
    </rPh>
    <rPh sb="17" eb="18">
      <t>ナラ</t>
    </rPh>
    <rPh sb="20" eb="22">
      <t>ケンリツ</t>
    </rPh>
    <rPh sb="22" eb="24">
      <t>チュウオウ</t>
    </rPh>
    <rPh sb="24" eb="26">
      <t>ノウギョウ</t>
    </rPh>
    <rPh sb="26" eb="28">
      <t>コウトウ</t>
    </rPh>
    <rPh sb="28" eb="30">
      <t>ガッコウ</t>
    </rPh>
    <rPh sb="30" eb="32">
      <t>エンゲイ</t>
    </rPh>
    <rPh sb="32" eb="34">
      <t>カガク</t>
    </rPh>
    <rPh sb="34" eb="35">
      <t>カ</t>
    </rPh>
    <rPh sb="35" eb="36">
      <t>オヨ</t>
    </rPh>
    <rPh sb="37" eb="39">
      <t>ノウギョウ</t>
    </rPh>
    <rPh sb="39" eb="41">
      <t>ソウゴウ</t>
    </rPh>
    <rPh sb="41" eb="42">
      <t>カ</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6" formatCode="&quot;¥&quot;#,##0;[Red]&quot;¥&quot;\-#,##0"/>
    <numFmt numFmtId="176" formatCode="#,##0_ "/>
    <numFmt numFmtId="177" formatCode="#,##0_);[Red]\(#,##0\)"/>
    <numFmt numFmtId="178" formatCode="0_ "/>
    <numFmt numFmtId="179" formatCode="#,##0.00_ "/>
    <numFmt numFmtId="180" formatCode="#,##0_ ;[Red]\-#,##0\ "/>
    <numFmt numFmtId="181" formatCode="#,##0.00_);[Red]\(#,##0.00\)"/>
    <numFmt numFmtId="182" formatCode="0_);[Red]\(0\)"/>
    <numFmt numFmtId="183" formatCode="0_ ;[Red]\-0\ "/>
    <numFmt numFmtId="184" formatCode="0.00_ "/>
    <numFmt numFmtId="185" formatCode="0.00_);[Red]\(0.00\)"/>
  </numFmts>
  <fonts count="48" x14ac:knownFonts="1">
    <font>
      <sz val="11"/>
      <name val="ＭＳ 明朝"/>
      <family val="1"/>
      <charset val="128"/>
    </font>
    <font>
      <sz val="11"/>
      <name val="ＭＳ Ｐゴシック"/>
      <family val="3"/>
      <charset val="128"/>
    </font>
    <font>
      <sz val="6"/>
      <name val="ＭＳ 明朝"/>
      <family val="1"/>
      <charset val="128"/>
    </font>
    <font>
      <u/>
      <sz val="11"/>
      <color indexed="12"/>
      <name val="ＭＳ 明朝"/>
      <family val="1"/>
      <charset val="128"/>
    </font>
    <font>
      <sz val="11"/>
      <name val="ＭＳ 明朝"/>
      <family val="1"/>
      <charset val="128"/>
    </font>
    <font>
      <sz val="6"/>
      <name val="ＭＳ Ｐ明朝"/>
      <family val="1"/>
      <charset val="128"/>
    </font>
    <font>
      <sz val="9"/>
      <name val="ＭＳ 明朝"/>
      <family val="1"/>
      <charset val="128"/>
    </font>
    <font>
      <sz val="11"/>
      <name val="ＭＳ Ｐ明朝"/>
      <family val="1"/>
      <charset val="128"/>
    </font>
    <font>
      <b/>
      <sz val="11"/>
      <name val="ＭＳ Ｐ明朝"/>
      <family val="1"/>
      <charset val="128"/>
    </font>
    <font>
      <sz val="10"/>
      <name val="ＭＳ Ｐ明朝"/>
      <family val="1"/>
      <charset val="128"/>
    </font>
    <font>
      <b/>
      <sz val="14"/>
      <name val="ＭＳ Ｐ明朝"/>
      <family val="1"/>
      <charset val="128"/>
    </font>
    <font>
      <sz val="11"/>
      <color indexed="8"/>
      <name val="ＭＳ Ｐゴシック"/>
      <family val="3"/>
      <charset val="128"/>
    </font>
    <font>
      <sz val="11"/>
      <color indexed="8"/>
      <name val="ＭＳ 明朝"/>
      <family val="1"/>
      <charset val="128"/>
    </font>
    <font>
      <sz val="11"/>
      <color indexed="60"/>
      <name val="ＭＳ Ｐゴシック"/>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11"/>
      <color theme="1"/>
      <name val="ＭＳ Ｐ明朝"/>
      <family val="1"/>
      <charset val="128"/>
    </font>
    <font>
      <sz val="12"/>
      <color theme="1"/>
      <name val="ＭＳ Ｐ明朝"/>
      <family val="1"/>
      <charset val="128"/>
    </font>
    <font>
      <sz val="10"/>
      <color theme="1"/>
      <name val="ＭＳ Ｐ明朝"/>
      <family val="1"/>
      <charset val="128"/>
    </font>
    <font>
      <b/>
      <sz val="11"/>
      <color theme="1"/>
      <name val="ＭＳ Ｐ明朝"/>
      <family val="1"/>
      <charset val="128"/>
    </font>
    <font>
      <sz val="9"/>
      <color theme="1"/>
      <name val="ＭＳ Ｐ明朝"/>
      <family val="1"/>
      <charset val="128"/>
    </font>
    <font>
      <sz val="11"/>
      <color theme="1"/>
      <name val="ＭＳ 明朝"/>
      <family val="1"/>
      <charset val="128"/>
    </font>
    <font>
      <b/>
      <sz val="12"/>
      <color theme="1"/>
      <name val="ＭＳ Ｐ明朝"/>
      <family val="1"/>
      <charset val="128"/>
    </font>
    <font>
      <b/>
      <sz val="14"/>
      <color theme="1"/>
      <name val="ＭＳ Ｐ明朝"/>
      <family val="1"/>
      <charset val="128"/>
    </font>
    <font>
      <sz val="8"/>
      <color theme="1"/>
      <name val="ＭＳ Ｐ明朝"/>
      <family val="1"/>
      <charset val="128"/>
    </font>
    <font>
      <sz val="8"/>
      <color rgb="FFFF0000"/>
      <name val="ＭＳ Ｐ明朝"/>
      <family val="1"/>
      <charset val="128"/>
    </font>
    <font>
      <sz val="10"/>
      <color rgb="FFFF0000"/>
      <name val="ＭＳ Ｐ明朝"/>
      <family val="1"/>
      <charset val="128"/>
    </font>
    <font>
      <sz val="9"/>
      <color rgb="FFFF0000"/>
      <name val="ＭＳ Ｐ明朝"/>
      <family val="1"/>
      <charset val="128"/>
    </font>
    <font>
      <sz val="10"/>
      <color theme="1"/>
      <name val="ＭＳ 明朝"/>
      <family val="1"/>
      <charset val="128"/>
    </font>
    <font>
      <sz val="10"/>
      <color rgb="FFFF0000"/>
      <name val="ＭＳ 明朝"/>
      <family val="1"/>
      <charset val="128"/>
    </font>
    <font>
      <sz val="12"/>
      <color theme="1"/>
      <name val="ＭＳ 明朝"/>
      <family val="1"/>
      <charset val="128"/>
    </font>
    <font>
      <sz val="14"/>
      <color theme="1"/>
      <name val="ＭＳ 明朝"/>
      <family val="1"/>
      <charset val="128"/>
    </font>
    <font>
      <sz val="12"/>
      <color indexed="8"/>
      <name val="ＭＳ 明朝"/>
      <family val="1"/>
      <charset val="128"/>
    </font>
  </fonts>
  <fills count="33">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92065187536243"/>
        <bgColor indexed="64"/>
      </patternFill>
    </fill>
    <fill>
      <patternFill patternType="solid">
        <fgColor theme="5" tint="0.79992065187536243"/>
        <bgColor indexed="64"/>
      </patternFill>
    </fill>
    <fill>
      <patternFill patternType="solid">
        <fgColor theme="6" tint="0.79992065187536243"/>
        <bgColor indexed="64"/>
      </patternFill>
    </fill>
    <fill>
      <patternFill patternType="solid">
        <fgColor theme="7" tint="0.79992065187536243"/>
        <bgColor indexed="64"/>
      </patternFill>
    </fill>
    <fill>
      <patternFill patternType="solid">
        <fgColor theme="8" tint="0.79992065187536243"/>
        <bgColor indexed="64"/>
      </patternFill>
    </fill>
    <fill>
      <patternFill patternType="solid">
        <fgColor theme="9" tint="0.79992065187536243"/>
        <bgColor indexed="64"/>
      </patternFill>
    </fill>
    <fill>
      <patternFill patternType="solid">
        <fgColor theme="4" tint="0.59993285927915285"/>
        <bgColor indexed="64"/>
      </patternFill>
    </fill>
    <fill>
      <patternFill patternType="solid">
        <fgColor theme="5" tint="0.59993285927915285"/>
        <bgColor indexed="64"/>
      </patternFill>
    </fill>
    <fill>
      <patternFill patternType="solid">
        <fgColor theme="6" tint="0.59993285927915285"/>
        <bgColor indexed="64"/>
      </patternFill>
    </fill>
    <fill>
      <patternFill patternType="solid">
        <fgColor theme="7" tint="0.59993285927915285"/>
        <bgColor indexed="64"/>
      </patternFill>
    </fill>
    <fill>
      <patternFill patternType="solid">
        <fgColor theme="8" tint="0.59993285927915285"/>
        <bgColor indexed="64"/>
      </patternFill>
    </fill>
    <fill>
      <patternFill patternType="solid">
        <fgColor theme="9" tint="0.59993285927915285"/>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46">
    <border>
      <left/>
      <right/>
      <top/>
      <bottom/>
      <diagonal/>
    </border>
    <border>
      <left style="thin">
        <color indexed="64"/>
      </left>
      <right style="hair">
        <color indexed="64"/>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hair">
        <color indexed="64"/>
      </right>
      <top/>
      <bottom/>
      <diagonal/>
    </border>
    <border>
      <left style="hair">
        <color indexed="64"/>
      </left>
      <right style="hair">
        <color indexed="64"/>
      </right>
      <top style="hair">
        <color indexed="64"/>
      </top>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style="hair">
        <color indexed="64"/>
      </left>
      <right/>
      <top style="hair">
        <color indexed="64"/>
      </top>
      <bottom/>
      <diagonal/>
    </border>
    <border>
      <left/>
      <right/>
      <top style="hair">
        <color indexed="64"/>
      </top>
      <bottom/>
      <diagonal/>
    </border>
    <border>
      <left/>
      <right style="hair">
        <color indexed="64"/>
      </right>
      <top style="hair">
        <color indexed="64"/>
      </top>
      <bottom/>
      <diagonal/>
    </border>
    <border>
      <left style="hair">
        <color indexed="64"/>
      </left>
      <right style="thin">
        <color indexed="64"/>
      </right>
      <top style="hair">
        <color indexed="64"/>
      </top>
      <bottom/>
      <diagonal/>
    </border>
    <border>
      <left style="hair">
        <color indexed="64"/>
      </left>
      <right style="hair">
        <color indexed="64"/>
      </right>
      <top/>
      <bottom/>
      <diagonal/>
    </border>
    <border>
      <left style="hair">
        <color indexed="64"/>
      </left>
      <right/>
      <top/>
      <bottom/>
      <diagonal/>
    </border>
    <border>
      <left style="hair">
        <color indexed="64"/>
      </left>
      <right style="thin">
        <color indexed="64"/>
      </right>
      <top/>
      <bottom/>
      <diagonal/>
    </border>
    <border>
      <left/>
      <right style="hair">
        <color indexed="64"/>
      </right>
      <top/>
      <bottom/>
      <diagonal/>
    </border>
    <border>
      <left style="thin">
        <color indexed="64"/>
      </left>
      <right style="hair">
        <color indexed="64"/>
      </right>
      <top/>
      <bottom style="thin">
        <color indexed="64"/>
      </bottom>
      <diagonal/>
    </border>
    <border>
      <left style="hair">
        <color indexed="64"/>
      </left>
      <right/>
      <top/>
      <bottom style="thin">
        <color indexed="64"/>
      </bottom>
      <diagonal/>
    </border>
    <border>
      <left/>
      <right/>
      <top/>
      <bottom style="thin">
        <color indexed="64"/>
      </bottom>
      <diagonal/>
    </border>
    <border>
      <left style="hair">
        <color indexed="64"/>
      </left>
      <right style="hair">
        <color indexed="64"/>
      </right>
      <top/>
      <bottom style="thin">
        <color indexed="64"/>
      </bottom>
      <diagonal/>
    </border>
    <border>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top style="thin">
        <color indexed="64"/>
      </top>
      <bottom/>
      <diagonal/>
    </border>
    <border>
      <left/>
      <right style="thin">
        <color indexed="64"/>
      </right>
      <top/>
      <bottom/>
      <diagonal/>
    </border>
    <border>
      <left style="hair">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right style="thin">
        <color indexed="64"/>
      </right>
      <top style="hair">
        <color indexed="64"/>
      </top>
      <bottom/>
      <diagonal/>
    </border>
    <border>
      <left/>
      <right style="thin">
        <color indexed="64"/>
      </right>
      <top/>
      <bottom style="thin">
        <color indexed="64"/>
      </bottom>
      <diagonal/>
    </border>
    <border>
      <left style="thin">
        <color indexed="64"/>
      </left>
      <right/>
      <top/>
      <bottom/>
      <diagonal/>
    </border>
    <border>
      <left style="thin">
        <color indexed="64"/>
      </left>
      <right/>
      <top style="hair">
        <color indexed="64"/>
      </top>
      <bottom/>
      <diagonal/>
    </border>
    <border>
      <left style="hair">
        <color indexed="64"/>
      </left>
      <right style="hair">
        <color indexed="64"/>
      </right>
      <top style="hair">
        <color indexed="64"/>
      </top>
      <bottom style="hair">
        <color indexed="64"/>
      </bottom>
      <diagonal/>
    </border>
    <border>
      <left style="thin">
        <color indexed="64"/>
      </left>
      <right/>
      <top/>
      <bottom style="thin">
        <color indexed="64"/>
      </bottom>
      <diagonal/>
    </border>
    <border>
      <left style="thin">
        <color indexed="64"/>
      </left>
      <right/>
      <top style="thin">
        <color indexed="64"/>
      </top>
      <bottom/>
      <diagonal/>
    </border>
    <border>
      <left style="thin">
        <color indexed="64"/>
      </left>
      <right/>
      <top/>
      <bottom style="hair">
        <color indexed="64"/>
      </bottom>
      <diagonal/>
    </border>
    <border>
      <left style="thin">
        <color indexed="64"/>
      </left>
      <right style="hair">
        <color indexed="64"/>
      </right>
      <top style="hair">
        <color indexed="64"/>
      </top>
      <bottom/>
      <diagonal/>
    </border>
    <border>
      <left style="thin">
        <color indexed="64"/>
      </left>
      <right style="hair">
        <color indexed="64"/>
      </right>
      <top/>
      <bottom style="hair">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2370372631001"/>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51">
    <xf numFmtId="0" fontId="0" fillId="0" borderId="0"/>
    <xf numFmtId="0" fontId="14" fillId="4" borderId="0" applyNumberFormat="0" applyBorder="0" applyAlignment="0" applyProtection="0">
      <alignment vertical="center"/>
    </xf>
    <xf numFmtId="0" fontId="14" fillId="5" borderId="0" applyNumberFormat="0" applyBorder="0" applyAlignment="0" applyProtection="0">
      <alignment vertical="center"/>
    </xf>
    <xf numFmtId="0" fontId="14" fillId="6" borderId="0" applyNumberFormat="0" applyBorder="0" applyAlignment="0" applyProtection="0">
      <alignment vertical="center"/>
    </xf>
    <xf numFmtId="0" fontId="14" fillId="7" borderId="0" applyNumberFormat="0" applyBorder="0" applyAlignment="0" applyProtection="0">
      <alignment vertical="center"/>
    </xf>
    <xf numFmtId="0" fontId="14" fillId="8" borderId="0" applyNumberFormat="0" applyBorder="0" applyAlignment="0" applyProtection="0">
      <alignment vertical="center"/>
    </xf>
    <xf numFmtId="0" fontId="14" fillId="9" borderId="0" applyNumberFormat="0" applyBorder="0" applyAlignment="0" applyProtection="0">
      <alignment vertical="center"/>
    </xf>
    <xf numFmtId="0" fontId="14" fillId="10" borderId="0" applyNumberFormat="0" applyBorder="0" applyAlignment="0" applyProtection="0">
      <alignment vertical="center"/>
    </xf>
    <xf numFmtId="0" fontId="14" fillId="11" borderId="0" applyNumberFormat="0" applyBorder="0" applyAlignment="0" applyProtection="0">
      <alignment vertical="center"/>
    </xf>
    <xf numFmtId="0" fontId="14" fillId="12" borderId="0" applyNumberFormat="0" applyBorder="0" applyAlignment="0" applyProtection="0">
      <alignment vertical="center"/>
    </xf>
    <xf numFmtId="0" fontId="14" fillId="13" borderId="0" applyNumberFormat="0" applyBorder="0" applyAlignment="0" applyProtection="0">
      <alignment vertical="center"/>
    </xf>
    <xf numFmtId="0" fontId="14" fillId="14" borderId="0" applyNumberFormat="0" applyBorder="0" applyAlignment="0" applyProtection="0">
      <alignment vertical="center"/>
    </xf>
    <xf numFmtId="0" fontId="14" fillId="15" borderId="0" applyNumberFormat="0" applyBorder="0" applyAlignment="0" applyProtection="0">
      <alignment vertical="center"/>
    </xf>
    <xf numFmtId="0" fontId="15" fillId="16" borderId="0" applyNumberFormat="0" applyBorder="0" applyAlignment="0" applyProtection="0">
      <alignment vertical="center"/>
    </xf>
    <xf numFmtId="0" fontId="15" fillId="17" borderId="0" applyNumberFormat="0" applyBorder="0" applyAlignment="0" applyProtection="0">
      <alignment vertical="center"/>
    </xf>
    <xf numFmtId="0" fontId="15" fillId="18" borderId="0" applyNumberFormat="0" applyBorder="0" applyAlignment="0" applyProtection="0">
      <alignment vertical="center"/>
    </xf>
    <xf numFmtId="0" fontId="15" fillId="19" borderId="0" applyNumberFormat="0" applyBorder="0" applyAlignment="0" applyProtection="0">
      <alignment vertical="center"/>
    </xf>
    <xf numFmtId="0" fontId="15" fillId="20" borderId="0" applyNumberFormat="0" applyBorder="0" applyAlignment="0" applyProtection="0">
      <alignment vertical="center"/>
    </xf>
    <xf numFmtId="0" fontId="15" fillId="21" borderId="0" applyNumberFormat="0" applyBorder="0" applyAlignment="0" applyProtection="0">
      <alignment vertical="center"/>
    </xf>
    <xf numFmtId="0" fontId="15" fillId="22" borderId="0" applyNumberFormat="0" applyBorder="0" applyAlignment="0" applyProtection="0">
      <alignment vertical="center"/>
    </xf>
    <xf numFmtId="0" fontId="15" fillId="23" borderId="0" applyNumberFormat="0" applyBorder="0" applyAlignment="0" applyProtection="0">
      <alignment vertical="center"/>
    </xf>
    <xf numFmtId="0" fontId="15" fillId="24" borderId="0" applyNumberFormat="0" applyBorder="0" applyAlignment="0" applyProtection="0">
      <alignment vertical="center"/>
    </xf>
    <xf numFmtId="0" fontId="15" fillId="25" borderId="0" applyNumberFormat="0" applyBorder="0" applyAlignment="0" applyProtection="0">
      <alignment vertical="center"/>
    </xf>
    <xf numFmtId="0" fontId="15" fillId="26" borderId="0" applyNumberFormat="0" applyBorder="0" applyAlignment="0" applyProtection="0">
      <alignment vertical="center"/>
    </xf>
    <xf numFmtId="0" fontId="15" fillId="27" borderId="0" applyNumberFormat="0" applyBorder="0" applyAlignment="0" applyProtection="0">
      <alignment vertical="center"/>
    </xf>
    <xf numFmtId="0" fontId="16" fillId="0" borderId="0" applyNumberFormat="0" applyFill="0" applyBorder="0" applyAlignment="0" applyProtection="0">
      <alignment vertical="center"/>
    </xf>
    <xf numFmtId="0" fontId="17" fillId="28" borderId="37" applyNumberFormat="0" applyAlignment="0" applyProtection="0">
      <alignment vertical="center"/>
    </xf>
    <xf numFmtId="0" fontId="18" fillId="29" borderId="0" applyNumberFormat="0" applyBorder="0" applyAlignment="0" applyProtection="0">
      <alignment vertical="center"/>
    </xf>
    <xf numFmtId="0" fontId="4" fillId="3" borderId="38" applyNumberFormat="0" applyFont="0" applyAlignment="0" applyProtection="0">
      <alignment vertical="center"/>
    </xf>
    <xf numFmtId="0" fontId="19" fillId="0" borderId="39" applyNumberFormat="0" applyFill="0" applyAlignment="0" applyProtection="0">
      <alignment vertical="center"/>
    </xf>
    <xf numFmtId="0" fontId="20" fillId="30" borderId="0" applyNumberFormat="0" applyBorder="0" applyAlignment="0" applyProtection="0">
      <alignment vertical="center"/>
    </xf>
    <xf numFmtId="0" fontId="21" fillId="31" borderId="40" applyNumberFormat="0" applyAlignment="0" applyProtection="0">
      <alignment vertical="center"/>
    </xf>
    <xf numFmtId="0" fontId="22" fillId="0" borderId="0" applyNumberFormat="0" applyFill="0" applyBorder="0" applyAlignment="0" applyProtection="0">
      <alignment vertical="center"/>
    </xf>
    <xf numFmtId="38" fontId="1" fillId="0" borderId="0" applyFont="0" applyFill="0" applyBorder="0" applyAlignment="0" applyProtection="0"/>
    <xf numFmtId="38" fontId="1" fillId="0" borderId="0" applyFont="0" applyFill="0" applyBorder="0" applyAlignment="0" applyProtection="0"/>
    <xf numFmtId="0" fontId="23" fillId="0" borderId="41" applyNumberFormat="0" applyFill="0" applyAlignment="0" applyProtection="0">
      <alignment vertical="center"/>
    </xf>
    <xf numFmtId="0" fontId="24" fillId="0" borderId="42" applyNumberFormat="0" applyFill="0" applyAlignment="0" applyProtection="0">
      <alignment vertical="center"/>
    </xf>
    <xf numFmtId="0" fontId="25" fillId="0" borderId="43" applyNumberFormat="0" applyFill="0" applyAlignment="0" applyProtection="0">
      <alignment vertical="center"/>
    </xf>
    <xf numFmtId="0" fontId="25" fillId="0" borderId="0" applyNumberFormat="0" applyFill="0" applyBorder="0" applyAlignment="0" applyProtection="0">
      <alignment vertical="center"/>
    </xf>
    <xf numFmtId="0" fontId="26" fillId="0" borderId="44" applyNumberFormat="0" applyFill="0" applyAlignment="0" applyProtection="0">
      <alignment vertical="center"/>
    </xf>
    <xf numFmtId="0" fontId="27" fillId="31" borderId="45" applyNumberFormat="0" applyAlignment="0" applyProtection="0">
      <alignment vertical="center"/>
    </xf>
    <xf numFmtId="0" fontId="28" fillId="0" borderId="0" applyNumberFormat="0" applyFill="0" applyBorder="0" applyAlignment="0" applyProtection="0">
      <alignment vertical="center"/>
    </xf>
    <xf numFmtId="6" fontId="1" fillId="0" borderId="0" applyFont="0" applyFill="0" applyBorder="0" applyAlignment="0" applyProtection="0"/>
    <xf numFmtId="0" fontId="29" fillId="2" borderId="40" applyNumberFormat="0" applyAlignment="0" applyProtection="0">
      <alignment vertical="center"/>
    </xf>
    <xf numFmtId="0" fontId="4" fillId="0" borderId="0"/>
    <xf numFmtId="0" fontId="4" fillId="0" borderId="0"/>
    <xf numFmtId="0" fontId="4" fillId="0" borderId="0"/>
    <xf numFmtId="0" fontId="4" fillId="0" borderId="0"/>
    <xf numFmtId="0" fontId="30" fillId="32" borderId="0" applyNumberFormat="0" applyBorder="0" applyAlignment="0" applyProtection="0">
      <alignment vertical="center"/>
    </xf>
    <xf numFmtId="0" fontId="47" fillId="0" borderId="0" applyFill="0" applyProtection="0">
      <alignment vertical="center"/>
    </xf>
    <xf numFmtId="0" fontId="4" fillId="0" borderId="0"/>
  </cellStyleXfs>
  <cellXfs count="488">
    <xf numFmtId="0" fontId="0" fillId="0" borderId="0" xfId="0" applyAlignment="1"/>
    <xf numFmtId="0" fontId="31" fillId="0" borderId="0" xfId="0" applyFont="1" applyFill="1" applyAlignment="1">
      <alignment horizontal="center" vertical="center"/>
    </xf>
    <xf numFmtId="0" fontId="31" fillId="0" borderId="0" xfId="0" applyFont="1" applyFill="1" applyAlignment="1">
      <alignment vertical="center"/>
    </xf>
    <xf numFmtId="177" fontId="31" fillId="0" borderId="0" xfId="33" applyNumberFormat="1" applyFont="1" applyFill="1" applyAlignment="1">
      <alignment vertical="center"/>
    </xf>
    <xf numFmtId="177" fontId="31" fillId="0" borderId="0" xfId="0" applyNumberFormat="1" applyFont="1" applyFill="1" applyAlignment="1">
      <alignment vertical="center"/>
    </xf>
    <xf numFmtId="0" fontId="32" fillId="0" borderId="0" xfId="0" applyFont="1" applyFill="1" applyAlignment="1"/>
    <xf numFmtId="0" fontId="32" fillId="0" borderId="0" xfId="0" applyFont="1" applyFill="1" applyAlignment="1">
      <alignment horizontal="center" vertical="center"/>
    </xf>
    <xf numFmtId="0" fontId="31" fillId="0" borderId="1" xfId="0" applyFont="1" applyFill="1" applyBorder="1" applyAlignment="1">
      <alignment horizontal="center" vertical="center" textRotation="255"/>
    </xf>
    <xf numFmtId="0" fontId="31" fillId="0" borderId="2" xfId="0" applyFont="1" applyFill="1" applyBorder="1" applyAlignment="1">
      <alignment horizontal="center" vertical="center" textRotation="255"/>
    </xf>
    <xf numFmtId="0" fontId="31" fillId="0" borderId="2" xfId="0" applyFont="1" applyFill="1" applyBorder="1" applyAlignment="1">
      <alignment horizontal="center" vertical="center"/>
    </xf>
    <xf numFmtId="177" fontId="31" fillId="0" borderId="2" xfId="33" applyNumberFormat="1" applyFont="1" applyFill="1" applyBorder="1" applyAlignment="1">
      <alignment horizontal="center" vertical="center"/>
    </xf>
    <xf numFmtId="0" fontId="31" fillId="0" borderId="2" xfId="0" applyFont="1" applyFill="1" applyBorder="1" applyAlignment="1">
      <alignment vertical="center"/>
    </xf>
    <xf numFmtId="0" fontId="31" fillId="0" borderId="3" xfId="0" applyFont="1" applyFill="1" applyBorder="1" applyAlignment="1">
      <alignment horizontal="center" vertical="center"/>
    </xf>
    <xf numFmtId="0" fontId="31" fillId="0" borderId="4" xfId="0" applyFont="1" applyFill="1" applyBorder="1" applyAlignment="1">
      <alignment horizontal="center" vertical="center"/>
    </xf>
    <xf numFmtId="177" fontId="31" fillId="0" borderId="5" xfId="33" applyNumberFormat="1" applyFont="1" applyFill="1" applyBorder="1" applyAlignment="1">
      <alignment horizontal="center" vertical="center"/>
    </xf>
    <xf numFmtId="177" fontId="31" fillId="0" borderId="6" xfId="33" applyNumberFormat="1" applyFont="1" applyFill="1" applyBorder="1" applyAlignment="1">
      <alignment horizontal="center" vertical="center"/>
    </xf>
    <xf numFmtId="56" fontId="31" fillId="0" borderId="7" xfId="0" applyNumberFormat="1" applyFont="1" applyFill="1" applyBorder="1" applyAlignment="1">
      <alignment horizontal="center" vertical="center"/>
    </xf>
    <xf numFmtId="56" fontId="31" fillId="0" borderId="8" xfId="0" applyNumberFormat="1" applyFont="1" applyFill="1" applyBorder="1" applyAlignment="1">
      <alignment vertical="center"/>
    </xf>
    <xf numFmtId="0" fontId="31" fillId="0" borderId="9" xfId="0" applyFont="1" applyFill="1" applyBorder="1" applyAlignment="1">
      <alignment vertical="center"/>
    </xf>
    <xf numFmtId="0" fontId="31" fillId="0" borderId="10" xfId="0" applyFont="1" applyFill="1" applyBorder="1" applyAlignment="1">
      <alignment vertical="center"/>
    </xf>
    <xf numFmtId="56" fontId="31" fillId="0" borderId="5" xfId="0" applyNumberFormat="1" applyFont="1" applyFill="1" applyBorder="1" applyAlignment="1">
      <alignment horizontal="center" vertical="center"/>
    </xf>
    <xf numFmtId="56" fontId="31" fillId="0" borderId="8" xfId="0" applyNumberFormat="1" applyFont="1" applyFill="1" applyBorder="1" applyAlignment="1">
      <alignment horizontal="centerContinuous" vertical="center"/>
    </xf>
    <xf numFmtId="56" fontId="31" fillId="0" borderId="11" xfId="0" applyNumberFormat="1" applyFont="1" applyFill="1" applyBorder="1" applyAlignment="1">
      <alignment horizontal="center" vertical="center"/>
    </xf>
    <xf numFmtId="177" fontId="31" fillId="0" borderId="12" xfId="33" applyNumberFormat="1" applyFont="1" applyFill="1" applyBorder="1" applyAlignment="1">
      <alignment horizontal="center" vertical="center"/>
    </xf>
    <xf numFmtId="0" fontId="31" fillId="0" borderId="13" xfId="0" applyFont="1" applyFill="1" applyBorder="1" applyAlignment="1">
      <alignment horizontal="center" vertical="center"/>
    </xf>
    <xf numFmtId="0" fontId="31" fillId="0" borderId="13" xfId="0" applyFont="1" applyFill="1" applyBorder="1" applyAlignment="1">
      <alignment horizontal="centerContinuous" vertical="center"/>
    </xf>
    <xf numFmtId="0" fontId="31" fillId="0" borderId="12" xfId="0" applyFont="1" applyFill="1" applyBorder="1" applyAlignment="1">
      <alignment horizontal="centerContinuous" vertical="center"/>
    </xf>
    <xf numFmtId="0" fontId="31" fillId="0" borderId="12" xfId="0" applyFont="1" applyFill="1" applyBorder="1" applyAlignment="1">
      <alignment horizontal="center" vertical="center"/>
    </xf>
    <xf numFmtId="0" fontId="31" fillId="0" borderId="14" xfId="0" applyFont="1" applyFill="1" applyBorder="1" applyAlignment="1">
      <alignment horizontal="center" vertical="center"/>
    </xf>
    <xf numFmtId="177" fontId="31" fillId="0" borderId="12" xfId="0" applyNumberFormat="1" applyFont="1" applyFill="1" applyBorder="1" applyAlignment="1">
      <alignment horizontal="center" vertical="center"/>
    </xf>
    <xf numFmtId="177" fontId="31" fillId="0" borderId="13" xfId="0" applyNumberFormat="1" applyFont="1" applyFill="1" applyBorder="1" applyAlignment="1">
      <alignment horizontal="center" vertical="center"/>
    </xf>
    <xf numFmtId="0" fontId="31" fillId="0" borderId="0" xfId="0" applyFont="1" applyFill="1" applyAlignment="1">
      <alignment horizontal="centerContinuous" vertical="center"/>
    </xf>
    <xf numFmtId="0" fontId="31" fillId="0" borderId="15" xfId="0" applyFont="1" applyFill="1" applyBorder="1" applyAlignment="1">
      <alignment horizontal="centerContinuous" vertical="center"/>
    </xf>
    <xf numFmtId="0" fontId="33" fillId="0" borderId="13" xfId="0" applyFont="1" applyFill="1" applyBorder="1" applyAlignment="1">
      <alignment horizontal="center" vertical="center"/>
    </xf>
    <xf numFmtId="0" fontId="31" fillId="0" borderId="16" xfId="0" applyFont="1" applyFill="1" applyBorder="1" applyAlignment="1">
      <alignment horizontal="center" vertical="center" textRotation="255"/>
    </xf>
    <xf numFmtId="0" fontId="31" fillId="0" borderId="17" xfId="0" applyFont="1" applyFill="1" applyBorder="1" applyAlignment="1">
      <alignment horizontal="center" vertical="center" textRotation="255"/>
    </xf>
    <xf numFmtId="0" fontId="31" fillId="0" borderId="18" xfId="0" applyFont="1" applyFill="1" applyBorder="1" applyAlignment="1">
      <alignment horizontal="center" vertical="center"/>
    </xf>
    <xf numFmtId="177" fontId="31" fillId="0" borderId="19" xfId="33" applyNumberFormat="1" applyFont="1" applyFill="1" applyBorder="1" applyAlignment="1">
      <alignment horizontal="center" vertical="center"/>
    </xf>
    <xf numFmtId="0" fontId="31" fillId="0" borderId="19" xfId="0" applyFont="1" applyFill="1" applyBorder="1" applyAlignment="1">
      <alignment vertical="center"/>
    </xf>
    <xf numFmtId="0" fontId="31" fillId="0" borderId="17" xfId="0" applyFont="1" applyFill="1" applyBorder="1" applyAlignment="1">
      <alignment vertical="center"/>
    </xf>
    <xf numFmtId="0" fontId="31" fillId="0" borderId="17" xfId="0" applyFont="1" applyFill="1" applyBorder="1" applyAlignment="1">
      <alignment horizontal="center" vertical="center"/>
    </xf>
    <xf numFmtId="0" fontId="31" fillId="0" borderId="20" xfId="0" applyFont="1" applyFill="1" applyBorder="1" applyAlignment="1">
      <alignment horizontal="center" vertical="center"/>
    </xf>
    <xf numFmtId="0" fontId="31" fillId="0" borderId="21" xfId="0" applyFont="1" applyFill="1" applyBorder="1" applyAlignment="1">
      <alignment horizontal="center" vertical="center"/>
    </xf>
    <xf numFmtId="0" fontId="31" fillId="0" borderId="13" xfId="0" applyFont="1" applyFill="1" applyBorder="1" applyAlignment="1">
      <alignment horizontal="center" vertical="center" textRotation="255"/>
    </xf>
    <xf numFmtId="177" fontId="31" fillId="0" borderId="22" xfId="33" applyNumberFormat="1" applyFont="1" applyFill="1" applyBorder="1" applyAlignment="1">
      <alignment horizontal="center" vertical="center"/>
    </xf>
    <xf numFmtId="0" fontId="31" fillId="0" borderId="13" xfId="0" applyFont="1" applyFill="1" applyBorder="1" applyAlignment="1">
      <alignment horizontal="center" vertical="center" textRotation="255" wrapText="1"/>
    </xf>
    <xf numFmtId="0" fontId="31" fillId="0" borderId="0" xfId="0" applyFont="1" applyFill="1" applyAlignment="1">
      <alignment vertical="top"/>
    </xf>
    <xf numFmtId="177" fontId="31" fillId="0" borderId="13" xfId="33" applyNumberFormat="1" applyFont="1" applyFill="1" applyBorder="1" applyAlignment="1">
      <alignment vertical="top"/>
    </xf>
    <xf numFmtId="177" fontId="31" fillId="0" borderId="0" xfId="33" applyNumberFormat="1" applyFont="1" applyFill="1" applyAlignment="1">
      <alignment vertical="top"/>
    </xf>
    <xf numFmtId="177" fontId="31" fillId="0" borderId="0" xfId="0" applyNumberFormat="1" applyFont="1" applyFill="1" applyAlignment="1">
      <alignment vertical="top"/>
    </xf>
    <xf numFmtId="184" fontId="31" fillId="0" borderId="0" xfId="0" applyNumberFormat="1" applyFont="1" applyFill="1" applyAlignment="1">
      <alignment vertical="top"/>
    </xf>
    <xf numFmtId="176" fontId="31" fillId="0" borderId="23" xfId="0" applyNumberFormat="1" applyFont="1" applyFill="1" applyBorder="1" applyAlignment="1">
      <alignment vertical="center"/>
    </xf>
    <xf numFmtId="0" fontId="31" fillId="0" borderId="13" xfId="0" applyFont="1" applyFill="1" applyBorder="1" applyAlignment="1">
      <alignment horizontal="center"/>
    </xf>
    <xf numFmtId="0" fontId="31" fillId="0" borderId="24" xfId="0" applyFont="1" applyFill="1" applyBorder="1" applyAlignment="1">
      <alignment horizontal="center" vertical="center" textRotation="255"/>
    </xf>
    <xf numFmtId="0" fontId="31" fillId="0" borderId="25" xfId="0" applyFont="1" applyFill="1" applyBorder="1" applyAlignment="1">
      <alignment horizontal="center" vertical="center"/>
    </xf>
    <xf numFmtId="177" fontId="31" fillId="0" borderId="24" xfId="33" applyNumberFormat="1" applyFont="1" applyFill="1" applyBorder="1" applyAlignment="1">
      <alignment horizontal="center" vertical="center"/>
    </xf>
    <xf numFmtId="177" fontId="31" fillId="0" borderId="25" xfId="33" applyNumberFormat="1" applyFont="1" applyFill="1" applyBorder="1" applyAlignment="1">
      <alignment horizontal="center" vertical="center"/>
    </xf>
    <xf numFmtId="0" fontId="31" fillId="0" borderId="25" xfId="0" applyFont="1" applyFill="1" applyBorder="1" applyAlignment="1">
      <alignment vertical="center"/>
    </xf>
    <xf numFmtId="184" fontId="31" fillId="0" borderId="25" xfId="0" applyNumberFormat="1" applyFont="1" applyFill="1" applyBorder="1" applyAlignment="1">
      <alignment vertical="center"/>
    </xf>
    <xf numFmtId="176" fontId="31" fillId="0" borderId="26" xfId="0" applyNumberFormat="1" applyFont="1" applyFill="1" applyBorder="1" applyAlignment="1">
      <alignment horizontal="center" vertical="center"/>
    </xf>
    <xf numFmtId="0" fontId="31" fillId="0" borderId="8" xfId="0" applyFont="1" applyFill="1" applyBorder="1" applyAlignment="1">
      <alignment horizontal="center" vertical="center" textRotation="255"/>
    </xf>
    <xf numFmtId="0" fontId="31" fillId="0" borderId="9" xfId="0" applyFont="1" applyFill="1" applyBorder="1" applyAlignment="1">
      <alignment horizontal="center" vertical="center"/>
    </xf>
    <xf numFmtId="177" fontId="31" fillId="0" borderId="9" xfId="33" applyNumberFormat="1" applyFont="1" applyFill="1" applyBorder="1" applyAlignment="1">
      <alignment horizontal="center" vertical="center"/>
    </xf>
    <xf numFmtId="184" fontId="31" fillId="0" borderId="9" xfId="0" applyNumberFormat="1" applyFont="1" applyFill="1" applyBorder="1" applyAlignment="1">
      <alignment vertical="center"/>
    </xf>
    <xf numFmtId="176" fontId="31" fillId="0" borderId="27" xfId="0" applyNumberFormat="1" applyFont="1" applyFill="1" applyBorder="1" applyAlignment="1">
      <alignment horizontal="center" vertical="center"/>
    </xf>
    <xf numFmtId="0" fontId="31" fillId="0" borderId="13" xfId="0" applyFont="1" applyFill="1" applyBorder="1" applyAlignment="1">
      <alignment horizontal="center" vertical="center" wrapText="1"/>
    </xf>
    <xf numFmtId="0" fontId="31" fillId="0" borderId="0" xfId="0" applyFont="1" applyFill="1" applyAlignment="1">
      <alignment horizontal="left" vertical="top"/>
    </xf>
    <xf numFmtId="177" fontId="31" fillId="0" borderId="17" xfId="33" applyNumberFormat="1" applyFont="1" applyFill="1" applyBorder="1" applyAlignment="1">
      <alignment horizontal="center" vertical="center"/>
    </xf>
    <xf numFmtId="177" fontId="31" fillId="0" borderId="18" xfId="33" applyNumberFormat="1" applyFont="1" applyFill="1" applyBorder="1" applyAlignment="1">
      <alignment horizontal="center" vertical="center"/>
    </xf>
    <xf numFmtId="0" fontId="31" fillId="0" borderId="18" xfId="0" applyFont="1" applyFill="1" applyBorder="1" applyAlignment="1">
      <alignment vertical="center"/>
    </xf>
    <xf numFmtId="184" fontId="31" fillId="0" borderId="18" xfId="0" applyNumberFormat="1" applyFont="1" applyFill="1" applyBorder="1" applyAlignment="1">
      <alignment vertical="center"/>
    </xf>
    <xf numFmtId="176" fontId="31" fillId="0" borderId="28" xfId="0" applyNumberFormat="1" applyFont="1" applyFill="1" applyBorder="1" applyAlignment="1">
      <alignment horizontal="center" vertical="center"/>
    </xf>
    <xf numFmtId="0" fontId="31" fillId="0" borderId="29" xfId="0" applyFont="1" applyFill="1" applyBorder="1" applyAlignment="1">
      <alignment vertical="center"/>
    </xf>
    <xf numFmtId="0" fontId="31" fillId="0" borderId="22" xfId="0" applyFont="1" applyFill="1" applyBorder="1" applyAlignment="1">
      <alignment horizontal="center" vertical="center" textRotation="255"/>
    </xf>
    <xf numFmtId="184" fontId="31" fillId="0" borderId="2" xfId="0" applyNumberFormat="1" applyFont="1" applyFill="1" applyBorder="1" applyAlignment="1">
      <alignment vertical="center"/>
    </xf>
    <xf numFmtId="176" fontId="31" fillId="0" borderId="3" xfId="0" applyNumberFormat="1" applyFont="1" applyFill="1" applyBorder="1" applyAlignment="1">
      <alignment horizontal="center" vertical="center"/>
    </xf>
    <xf numFmtId="184" fontId="31" fillId="0" borderId="25" xfId="0" applyNumberFormat="1" applyFont="1" applyFill="1" applyBorder="1" applyAlignment="1">
      <alignment horizontal="center" vertical="center"/>
    </xf>
    <xf numFmtId="184" fontId="31" fillId="0" borderId="9" xfId="0" applyNumberFormat="1" applyFont="1" applyFill="1" applyBorder="1" applyAlignment="1">
      <alignment horizontal="center" vertical="center"/>
    </xf>
    <xf numFmtId="184" fontId="31" fillId="0" borderId="18" xfId="0" applyNumberFormat="1" applyFont="1" applyFill="1" applyBorder="1" applyAlignment="1">
      <alignment horizontal="center" vertical="center"/>
    </xf>
    <xf numFmtId="184" fontId="31" fillId="0" borderId="2" xfId="0" applyNumberFormat="1" applyFont="1" applyFill="1" applyBorder="1" applyAlignment="1">
      <alignment horizontal="center" vertical="center"/>
    </xf>
    <xf numFmtId="0" fontId="31" fillId="0" borderId="24" xfId="0" applyFont="1" applyFill="1" applyBorder="1" applyAlignment="1">
      <alignment horizontal="center" vertical="center" textRotation="255" wrapText="1"/>
    </xf>
    <xf numFmtId="0" fontId="31" fillId="0" borderId="25" xfId="0" applyFont="1" applyFill="1" applyBorder="1" applyAlignment="1">
      <alignment vertical="top"/>
    </xf>
    <xf numFmtId="177" fontId="31" fillId="0" borderId="25" xfId="33" applyNumberFormat="1" applyFont="1" applyFill="1" applyBorder="1" applyAlignment="1">
      <alignment vertical="top"/>
    </xf>
    <xf numFmtId="177" fontId="31" fillId="0" borderId="25" xfId="0" applyNumberFormat="1" applyFont="1" applyFill="1" applyBorder="1" applyAlignment="1">
      <alignment vertical="top"/>
    </xf>
    <xf numFmtId="178" fontId="31" fillId="0" borderId="25" xfId="0" applyNumberFormat="1" applyFont="1" applyFill="1" applyBorder="1" applyAlignment="1">
      <alignment vertical="top"/>
    </xf>
    <xf numFmtId="184" fontId="31" fillId="0" borderId="25" xfId="0" applyNumberFormat="1" applyFont="1" applyFill="1" applyBorder="1" applyAlignment="1">
      <alignment vertical="top"/>
    </xf>
    <xf numFmtId="179" fontId="31" fillId="0" borderId="26" xfId="0" applyNumberFormat="1" applyFont="1" applyFill="1" applyBorder="1" applyAlignment="1">
      <alignment vertical="top"/>
    </xf>
    <xf numFmtId="0" fontId="31" fillId="0" borderId="30" xfId="0" applyFont="1" applyFill="1" applyBorder="1" applyAlignment="1">
      <alignment horizontal="center" vertical="center" textRotation="255" wrapText="1"/>
    </xf>
    <xf numFmtId="0" fontId="31" fillId="0" borderId="9" xfId="0" applyFont="1" applyFill="1" applyBorder="1" applyAlignment="1">
      <alignment horizontal="center" vertical="center" textRotation="255" wrapText="1"/>
    </xf>
    <xf numFmtId="0" fontId="31" fillId="0" borderId="10" xfId="0" applyFont="1" applyFill="1" applyBorder="1" applyAlignment="1">
      <alignment vertical="top"/>
    </xf>
    <xf numFmtId="177" fontId="31" fillId="0" borderId="9" xfId="33" applyNumberFormat="1" applyFont="1" applyFill="1" applyBorder="1" applyAlignment="1">
      <alignment vertical="top"/>
    </xf>
    <xf numFmtId="177" fontId="31" fillId="0" borderId="9" xfId="0" applyNumberFormat="1" applyFont="1" applyFill="1" applyBorder="1" applyAlignment="1">
      <alignment vertical="top"/>
    </xf>
    <xf numFmtId="0" fontId="31" fillId="0" borderId="9" xfId="0" applyFont="1" applyFill="1" applyBorder="1" applyAlignment="1">
      <alignment vertical="top"/>
    </xf>
    <xf numFmtId="178" fontId="31" fillId="0" borderId="9" xfId="0" applyNumberFormat="1" applyFont="1" applyFill="1" applyBorder="1" applyAlignment="1">
      <alignment vertical="top"/>
    </xf>
    <xf numFmtId="184" fontId="31" fillId="0" borderId="9" xfId="0" applyNumberFormat="1" applyFont="1" applyFill="1" applyBorder="1" applyAlignment="1">
      <alignment vertical="top"/>
    </xf>
    <xf numFmtId="179" fontId="31" fillId="0" borderId="27" xfId="0" applyNumberFormat="1" applyFont="1" applyFill="1" applyBorder="1" applyAlignment="1">
      <alignment vertical="top"/>
    </xf>
    <xf numFmtId="0" fontId="34" fillId="0" borderId="29" xfId="0" applyFont="1" applyFill="1" applyBorder="1" applyAlignment="1">
      <alignment horizontal="center" vertical="center"/>
    </xf>
    <xf numFmtId="0" fontId="34" fillId="0" borderId="0" xfId="0" applyFont="1" applyFill="1" applyAlignment="1">
      <alignment horizontal="centerContinuous" vertical="center"/>
    </xf>
    <xf numFmtId="0" fontId="34" fillId="0" borderId="15" xfId="0" applyFont="1" applyFill="1" applyBorder="1" applyAlignment="1">
      <alignment horizontal="centerContinuous" vertical="center"/>
    </xf>
    <xf numFmtId="177" fontId="34" fillId="0" borderId="0" xfId="33" applyNumberFormat="1" applyFont="1" applyFill="1" applyAlignment="1">
      <alignment vertical="center"/>
    </xf>
    <xf numFmtId="177" fontId="34" fillId="0" borderId="0" xfId="0" applyNumberFormat="1" applyFont="1" applyFill="1" applyAlignment="1">
      <alignment vertical="center"/>
    </xf>
    <xf numFmtId="0" fontId="34" fillId="0" borderId="0" xfId="0" applyFont="1" applyFill="1" applyAlignment="1">
      <alignment vertical="center"/>
    </xf>
    <xf numFmtId="178" fontId="34" fillId="0" borderId="0" xfId="0" applyNumberFormat="1" applyFont="1" applyFill="1" applyAlignment="1">
      <alignment vertical="center"/>
    </xf>
    <xf numFmtId="184" fontId="34" fillId="0" borderId="0" xfId="0" applyNumberFormat="1" applyFont="1" applyFill="1" applyAlignment="1">
      <alignment vertical="top"/>
    </xf>
    <xf numFmtId="176" fontId="34" fillId="0" borderId="23" xfId="0" applyNumberFormat="1" applyFont="1" applyFill="1" applyBorder="1" applyAlignment="1">
      <alignment vertical="center"/>
    </xf>
    <xf numFmtId="0" fontId="31" fillId="0" borderId="29" xfId="0" applyFont="1" applyFill="1" applyBorder="1" applyAlignment="1">
      <alignment horizontal="center" vertical="center" textRotation="255" wrapText="1"/>
    </xf>
    <xf numFmtId="0" fontId="31" fillId="0" borderId="0" xfId="0" applyFont="1" applyFill="1" applyAlignment="1">
      <alignment horizontal="center" vertical="center" textRotation="255" wrapText="1"/>
    </xf>
    <xf numFmtId="0" fontId="31" fillId="0" borderId="20" xfId="0" applyFont="1" applyFill="1" applyBorder="1" applyAlignment="1">
      <alignment vertical="top"/>
    </xf>
    <xf numFmtId="179" fontId="31" fillId="0" borderId="28" xfId="0" applyNumberFormat="1" applyFont="1" applyFill="1" applyBorder="1" applyAlignment="1">
      <alignment vertical="top"/>
    </xf>
    <xf numFmtId="0" fontId="31" fillId="0" borderId="29" xfId="0" applyFont="1" applyFill="1" applyBorder="1" applyAlignment="1">
      <alignment horizontal="center" vertical="center"/>
    </xf>
    <xf numFmtId="56" fontId="31" fillId="0" borderId="31" xfId="0" applyNumberFormat="1" applyFont="1" applyFill="1" applyBorder="1" applyAlignment="1">
      <alignment horizontal="centerContinuous" vertical="center"/>
    </xf>
    <xf numFmtId="0" fontId="31" fillId="0" borderId="31" xfId="0" applyFont="1" applyFill="1" applyBorder="1" applyAlignment="1">
      <alignment horizontal="centerContinuous" vertical="center"/>
    </xf>
    <xf numFmtId="0" fontId="33" fillId="0" borderId="5" xfId="0" applyFont="1" applyFill="1" applyBorder="1" applyAlignment="1">
      <alignment horizontal="center" vertical="center"/>
    </xf>
    <xf numFmtId="0" fontId="31" fillId="0" borderId="5" xfId="0" applyFont="1" applyFill="1" applyBorder="1" applyAlignment="1">
      <alignment horizontal="centerContinuous" vertical="center"/>
    </xf>
    <xf numFmtId="0" fontId="33" fillId="0" borderId="12" xfId="0" applyFont="1" applyFill="1" applyBorder="1" applyAlignment="1">
      <alignment horizontal="center" vertical="center"/>
    </xf>
    <xf numFmtId="0" fontId="31" fillId="0" borderId="32" xfId="0" applyFont="1" applyFill="1" applyBorder="1" applyAlignment="1">
      <alignment horizontal="center" vertical="center" textRotation="255"/>
    </xf>
    <xf numFmtId="0" fontId="31" fillId="0" borderId="19" xfId="0" applyFont="1" applyFill="1" applyBorder="1" applyAlignment="1">
      <alignment horizontal="center" vertical="center"/>
    </xf>
    <xf numFmtId="0" fontId="35" fillId="0" borderId="1" xfId="46" applyFont="1" applyFill="1" applyBorder="1" applyAlignment="1">
      <alignment vertical="distributed" textRotation="255" wrapText="1"/>
    </xf>
    <xf numFmtId="0" fontId="35" fillId="0" borderId="22" xfId="46" applyFont="1" applyFill="1" applyBorder="1" applyAlignment="1">
      <alignment horizontal="center" vertical="center" wrapText="1"/>
    </xf>
    <xf numFmtId="0" fontId="31" fillId="0" borderId="2" xfId="46" applyFont="1" applyFill="1" applyBorder="1" applyAlignment="1">
      <alignment horizontal="center" vertical="center"/>
    </xf>
    <xf numFmtId="0" fontId="31" fillId="0" borderId="2" xfId="46" applyFont="1" applyFill="1" applyBorder="1" applyAlignment="1">
      <alignment vertical="center"/>
    </xf>
    <xf numFmtId="0" fontId="31" fillId="0" borderId="0" xfId="46" applyFont="1" applyFill="1" applyAlignment="1">
      <alignment vertical="center"/>
    </xf>
    <xf numFmtId="177" fontId="31" fillId="0" borderId="2" xfId="46" applyNumberFormat="1" applyFont="1" applyFill="1" applyBorder="1" applyAlignment="1">
      <alignment vertical="center"/>
    </xf>
    <xf numFmtId="177" fontId="31" fillId="0" borderId="3" xfId="46" applyNumberFormat="1" applyFont="1" applyFill="1" applyBorder="1" applyAlignment="1">
      <alignment horizontal="center" vertical="center"/>
    </xf>
    <xf numFmtId="0" fontId="31" fillId="0" borderId="29" xfId="46" applyFont="1" applyFill="1" applyBorder="1" applyAlignment="1">
      <alignment vertical="center"/>
    </xf>
    <xf numFmtId="0" fontId="35" fillId="0" borderId="13" xfId="46" applyFont="1" applyFill="1" applyBorder="1" applyAlignment="1">
      <alignment horizontal="center" vertical="center" wrapText="1"/>
    </xf>
    <xf numFmtId="0" fontId="31" fillId="0" borderId="0" xfId="46" applyFont="1" applyFill="1" applyAlignment="1">
      <alignment horizontal="left" vertical="center"/>
    </xf>
    <xf numFmtId="182" fontId="31" fillId="0" borderId="13" xfId="33" applyNumberFormat="1" applyFont="1" applyFill="1" applyBorder="1" applyAlignment="1">
      <alignment vertical="center"/>
    </xf>
    <xf numFmtId="177" fontId="31" fillId="0" borderId="13" xfId="33" applyNumberFormat="1" applyFont="1" applyFill="1" applyBorder="1" applyAlignment="1">
      <alignment vertical="center"/>
    </xf>
    <xf numFmtId="0" fontId="31" fillId="0" borderId="29" xfId="46" applyFont="1" applyFill="1" applyBorder="1" applyAlignment="1">
      <alignment horizontal="center" vertical="center"/>
    </xf>
    <xf numFmtId="0" fontId="31" fillId="0" borderId="0" xfId="46" applyFont="1" applyFill="1" applyAlignment="1">
      <alignment horizontal="center" vertical="center"/>
    </xf>
    <xf numFmtId="177" fontId="34" fillId="0" borderId="13" xfId="33" applyNumberFormat="1" applyFont="1" applyFill="1" applyBorder="1" applyAlignment="1">
      <alignment vertical="center"/>
    </xf>
    <xf numFmtId="0" fontId="35" fillId="0" borderId="16" xfId="46" applyFont="1" applyFill="1" applyBorder="1" applyAlignment="1">
      <alignment vertical="distributed" textRotation="255" wrapText="1"/>
    </xf>
    <xf numFmtId="0" fontId="35" fillId="0" borderId="24" xfId="46" applyFont="1" applyFill="1" applyBorder="1" applyAlignment="1">
      <alignment horizontal="center" vertical="center" wrapText="1"/>
    </xf>
    <xf numFmtId="0" fontId="31" fillId="0" borderId="25" xfId="46" applyFont="1" applyFill="1" applyBorder="1" applyAlignment="1">
      <alignment horizontal="center" vertical="center"/>
    </xf>
    <xf numFmtId="177" fontId="31" fillId="0" borderId="0" xfId="33" applyNumberFormat="1" applyFont="1" applyFill="1" applyAlignment="1">
      <alignment horizontal="center" vertical="center"/>
    </xf>
    <xf numFmtId="177" fontId="31" fillId="0" borderId="18" xfId="46" applyNumberFormat="1" applyFont="1" applyFill="1" applyBorder="1" applyAlignment="1">
      <alignment vertical="center"/>
    </xf>
    <xf numFmtId="177" fontId="31" fillId="0" borderId="28" xfId="46" applyNumberFormat="1" applyFont="1" applyFill="1" applyBorder="1" applyAlignment="1">
      <alignment horizontal="center" vertical="center"/>
    </xf>
    <xf numFmtId="0" fontId="35" fillId="0" borderId="22" xfId="0" applyFont="1" applyFill="1" applyBorder="1" applyAlignment="1">
      <alignment horizontal="center" vertical="center" wrapText="1"/>
    </xf>
    <xf numFmtId="183" fontId="31" fillId="0" borderId="0" xfId="0" applyNumberFormat="1" applyFont="1" applyFill="1" applyAlignment="1">
      <alignment horizontal="right"/>
    </xf>
    <xf numFmtId="177" fontId="31" fillId="0" borderId="13" xfId="33" applyNumberFormat="1" applyFont="1" applyFill="1" applyBorder="1" applyAlignment="1">
      <alignment horizontal="center" vertical="center"/>
    </xf>
    <xf numFmtId="178" fontId="31" fillId="0" borderId="0" xfId="0" applyNumberFormat="1" applyFont="1" applyFill="1" applyAlignment="1">
      <alignment vertical="center"/>
    </xf>
    <xf numFmtId="184" fontId="31" fillId="0" borderId="0" xfId="0" applyNumberFormat="1" applyFont="1" applyFill="1" applyAlignment="1">
      <alignment vertical="center"/>
    </xf>
    <xf numFmtId="176" fontId="31" fillId="0" borderId="23" xfId="0" applyNumberFormat="1" applyFont="1" applyFill="1" applyBorder="1" applyAlignment="1">
      <alignment horizontal="center" vertical="center"/>
    </xf>
    <xf numFmtId="177" fontId="34" fillId="0" borderId="0" xfId="0" quotePrefix="1" applyNumberFormat="1" applyFont="1" applyFill="1" applyAlignment="1">
      <alignment horizontal="right" vertical="center"/>
    </xf>
    <xf numFmtId="0" fontId="34" fillId="0" borderId="0" xfId="0" quotePrefix="1" applyFont="1" applyFill="1" applyAlignment="1">
      <alignment horizontal="right" vertical="center"/>
    </xf>
    <xf numFmtId="178" fontId="34" fillId="0" borderId="23" xfId="0" applyNumberFormat="1" applyFont="1" applyFill="1" applyBorder="1" applyAlignment="1">
      <alignment vertical="center"/>
    </xf>
    <xf numFmtId="179" fontId="31" fillId="0" borderId="23" xfId="0" applyNumberFormat="1" applyFont="1" applyFill="1" applyBorder="1" applyAlignment="1">
      <alignment vertical="top"/>
    </xf>
    <xf numFmtId="0" fontId="31" fillId="0" borderId="33" xfId="0" applyFont="1" applyFill="1" applyBorder="1" applyAlignment="1">
      <alignment horizontal="center" vertical="center" textRotation="255"/>
    </xf>
    <xf numFmtId="178" fontId="31" fillId="0" borderId="2" xfId="0" applyNumberFormat="1" applyFont="1" applyFill="1" applyBorder="1" applyAlignment="1">
      <alignment vertical="center"/>
    </xf>
    <xf numFmtId="0" fontId="31" fillId="0" borderId="18" xfId="0" applyFont="1" applyFill="1" applyBorder="1" applyAlignment="1">
      <alignment horizontal="center" vertical="center" textRotation="255"/>
    </xf>
    <xf numFmtId="0" fontId="31" fillId="0" borderId="28" xfId="0" applyFont="1" applyFill="1" applyBorder="1" applyAlignment="1">
      <alignment horizontal="center" vertical="center"/>
    </xf>
    <xf numFmtId="0" fontId="36" fillId="0" borderId="0" xfId="0" applyFont="1" applyFill="1" applyAlignment="1">
      <alignment horizontal="left" vertical="center"/>
    </xf>
    <xf numFmtId="0" fontId="31" fillId="0" borderId="0" xfId="0" applyFont="1" applyFill="1" applyAlignment="1"/>
    <xf numFmtId="0" fontId="31" fillId="0" borderId="33" xfId="0" applyFont="1" applyFill="1" applyBorder="1" applyAlignment="1"/>
    <xf numFmtId="0" fontId="31" fillId="0" borderId="2" xfId="0" applyFont="1" applyFill="1" applyBorder="1" applyAlignment="1"/>
    <xf numFmtId="177" fontId="31" fillId="0" borderId="2" xfId="0" applyNumberFormat="1" applyFont="1" applyFill="1" applyBorder="1" applyAlignment="1"/>
    <xf numFmtId="0" fontId="31" fillId="0" borderId="3" xfId="0" applyFont="1" applyFill="1" applyBorder="1" applyAlignment="1"/>
    <xf numFmtId="0" fontId="31" fillId="0" borderId="29" xfId="0" applyFont="1" applyFill="1" applyBorder="1" applyAlignment="1"/>
    <xf numFmtId="0" fontId="35" fillId="0" borderId="13" xfId="0" applyFont="1" applyFill="1" applyBorder="1" applyAlignment="1">
      <alignment horizontal="center" vertical="center"/>
    </xf>
    <xf numFmtId="0" fontId="31" fillId="0" borderId="32" xfId="0" applyFont="1" applyFill="1" applyBorder="1" applyAlignment="1"/>
    <xf numFmtId="0" fontId="31" fillId="0" borderId="18" xfId="0" applyFont="1" applyFill="1" applyBorder="1" applyAlignment="1"/>
    <xf numFmtId="177" fontId="31" fillId="0" borderId="18" xfId="0" applyNumberFormat="1" applyFont="1" applyFill="1" applyBorder="1" applyAlignment="1">
      <alignment vertical="center"/>
    </xf>
    <xf numFmtId="0" fontId="31" fillId="0" borderId="21" xfId="0" applyFont="1" applyFill="1" applyBorder="1" applyAlignment="1">
      <alignment vertical="center"/>
    </xf>
    <xf numFmtId="0" fontId="31" fillId="0" borderId="22" xfId="0" applyFont="1" applyFill="1" applyBorder="1" applyAlignment="1"/>
    <xf numFmtId="0" fontId="31" fillId="0" borderId="23" xfId="0" applyFont="1" applyFill="1" applyBorder="1" applyAlignment="1"/>
    <xf numFmtId="178" fontId="31" fillId="0" borderId="0" xfId="0" applyNumberFormat="1" applyFont="1" applyFill="1" applyAlignment="1"/>
    <xf numFmtId="177" fontId="31" fillId="0" borderId="0" xfId="0" applyNumberFormat="1" applyFont="1" applyFill="1" applyAlignment="1">
      <alignment horizontal="right"/>
    </xf>
    <xf numFmtId="0" fontId="31" fillId="0" borderId="0" xfId="0" applyFont="1" applyFill="1" applyAlignment="1">
      <alignment horizontal="right"/>
    </xf>
    <xf numFmtId="182" fontId="31" fillId="0" borderId="0" xfId="0" applyNumberFormat="1" applyFont="1" applyFill="1" applyAlignment="1"/>
    <xf numFmtId="0" fontId="31" fillId="0" borderId="34" xfId="0" applyFont="1" applyFill="1" applyBorder="1" applyAlignment="1"/>
    <xf numFmtId="0" fontId="31" fillId="0" borderId="30" xfId="0" applyFont="1" applyFill="1" applyBorder="1" applyAlignment="1"/>
    <xf numFmtId="0" fontId="31" fillId="0" borderId="9" xfId="0" applyFont="1" applyFill="1" applyBorder="1" applyAlignment="1"/>
    <xf numFmtId="177" fontId="31" fillId="0" borderId="8" xfId="0" applyNumberFormat="1" applyFont="1" applyFill="1" applyBorder="1" applyAlignment="1"/>
    <xf numFmtId="177" fontId="31" fillId="0" borderId="9" xfId="0" applyNumberFormat="1" applyFont="1" applyFill="1" applyBorder="1" applyAlignment="1"/>
    <xf numFmtId="177" fontId="31" fillId="0" borderId="9" xfId="0" applyNumberFormat="1" applyFont="1" applyFill="1" applyBorder="1" applyAlignment="1">
      <alignment horizontal="right"/>
    </xf>
    <xf numFmtId="176" fontId="31" fillId="0" borderId="9" xfId="0" applyNumberFormat="1" applyFont="1" applyFill="1" applyBorder="1" applyAlignment="1"/>
    <xf numFmtId="184" fontId="31" fillId="0" borderId="9" xfId="0" applyNumberFormat="1" applyFont="1" applyFill="1" applyBorder="1" applyAlignment="1"/>
    <xf numFmtId="179" fontId="31" fillId="0" borderId="27" xfId="0" applyNumberFormat="1" applyFont="1" applyFill="1" applyBorder="1" applyAlignment="1"/>
    <xf numFmtId="0" fontId="34" fillId="0" borderId="29" xfId="0" applyFont="1" applyFill="1" applyBorder="1" applyAlignment="1"/>
    <xf numFmtId="0" fontId="34" fillId="0" borderId="0" xfId="0" applyFont="1" applyFill="1" applyAlignment="1">
      <alignment horizontal="centerContinuous"/>
    </xf>
    <xf numFmtId="177" fontId="34" fillId="0" borderId="13" xfId="0" applyNumberFormat="1" applyFont="1" applyFill="1" applyBorder="1" applyAlignment="1"/>
    <xf numFmtId="177" fontId="34" fillId="0" borderId="0" xfId="0" applyNumberFormat="1" applyFont="1" applyFill="1" applyAlignment="1"/>
    <xf numFmtId="177" fontId="34" fillId="0" borderId="0" xfId="0" applyNumberFormat="1" applyFont="1" applyFill="1" applyAlignment="1">
      <alignment horizontal="right"/>
    </xf>
    <xf numFmtId="176" fontId="34" fillId="0" borderId="0" xfId="0" applyNumberFormat="1" applyFont="1" applyFill="1" applyAlignment="1"/>
    <xf numFmtId="184" fontId="34" fillId="0" borderId="0" xfId="0" applyNumberFormat="1" applyFont="1" applyFill="1" applyAlignment="1"/>
    <xf numFmtId="176" fontId="34" fillId="0" borderId="23" xfId="0" applyNumberFormat="1" applyFont="1" applyFill="1" applyBorder="1" applyAlignment="1"/>
    <xf numFmtId="0" fontId="34" fillId="0" borderId="18" xfId="0" applyFont="1" applyFill="1" applyBorder="1" applyAlignment="1">
      <alignment horizontal="centerContinuous"/>
    </xf>
    <xf numFmtId="177" fontId="31" fillId="0" borderId="17" xfId="0" applyNumberFormat="1" applyFont="1" applyFill="1" applyBorder="1" applyAlignment="1"/>
    <xf numFmtId="177" fontId="31" fillId="0" borderId="18" xfId="0" applyNumberFormat="1" applyFont="1" applyFill="1" applyBorder="1" applyAlignment="1"/>
    <xf numFmtId="177" fontId="31" fillId="0" borderId="18" xfId="0" applyNumberFormat="1" applyFont="1" applyFill="1" applyBorder="1" applyAlignment="1">
      <alignment horizontal="right"/>
    </xf>
    <xf numFmtId="179" fontId="31" fillId="0" borderId="28" xfId="0" applyNumberFormat="1" applyFont="1" applyFill="1" applyBorder="1" applyAlignment="1"/>
    <xf numFmtId="177" fontId="31" fillId="0" borderId="0" xfId="0" applyNumberFormat="1" applyFont="1" applyFill="1" applyAlignment="1"/>
    <xf numFmtId="179" fontId="31" fillId="0" borderId="0" xfId="0" applyNumberFormat="1" applyFont="1" applyFill="1" applyAlignment="1"/>
    <xf numFmtId="176" fontId="31" fillId="0" borderId="0" xfId="0" applyNumberFormat="1" applyFont="1" applyFill="1" applyAlignment="1"/>
    <xf numFmtId="0" fontId="31" fillId="0" borderId="18" xfId="0" applyFont="1" applyFill="1" applyBorder="1" applyAlignment="1">
      <alignment horizontal="center"/>
    </xf>
    <xf numFmtId="0" fontId="31" fillId="0" borderId="20" xfId="0" applyFont="1" applyFill="1" applyBorder="1" applyAlignment="1">
      <alignment horizontal="center"/>
    </xf>
    <xf numFmtId="0" fontId="31" fillId="0" borderId="23" xfId="0" applyFont="1" applyFill="1" applyBorder="1" applyAlignment="1">
      <alignment horizontal="center" vertical="center"/>
    </xf>
    <xf numFmtId="177" fontId="31" fillId="0" borderId="13" xfId="0" applyNumberFormat="1" applyFont="1" applyFill="1" applyBorder="1" applyAlignment="1"/>
    <xf numFmtId="176" fontId="31" fillId="0" borderId="0" xfId="0" applyNumberFormat="1" applyFont="1" applyFill="1" applyAlignment="1">
      <alignment horizontal="right"/>
    </xf>
    <xf numFmtId="184" fontId="31" fillId="0" borderId="0" xfId="0" applyNumberFormat="1" applyFont="1" applyFill="1" applyAlignment="1">
      <alignment horizontal="right"/>
    </xf>
    <xf numFmtId="183" fontId="31" fillId="0" borderId="23" xfId="0" applyNumberFormat="1" applyFont="1" applyFill="1" applyBorder="1" applyAlignment="1">
      <alignment horizontal="right"/>
    </xf>
    <xf numFmtId="0" fontId="34" fillId="0" borderId="0" xfId="0" applyFont="1" applyFill="1" applyAlignment="1"/>
    <xf numFmtId="176" fontId="34" fillId="0" borderId="0" xfId="0" applyNumberFormat="1" applyFont="1" applyFill="1" applyAlignment="1">
      <alignment horizontal="right"/>
    </xf>
    <xf numFmtId="184" fontId="34" fillId="0" borderId="0" xfId="0" applyNumberFormat="1" applyFont="1" applyFill="1" applyAlignment="1">
      <alignment horizontal="right"/>
    </xf>
    <xf numFmtId="178" fontId="34" fillId="0" borderId="23" xfId="0" applyNumberFormat="1" applyFont="1" applyFill="1" applyBorder="1" applyAlignment="1">
      <alignment horizontal="right"/>
    </xf>
    <xf numFmtId="0" fontId="31" fillId="0" borderId="25" xfId="0" applyFont="1" applyFill="1" applyBorder="1" applyAlignment="1"/>
    <xf numFmtId="177" fontId="31" fillId="0" borderId="24" xfId="0" applyNumberFormat="1" applyFont="1" applyFill="1" applyBorder="1" applyAlignment="1"/>
    <xf numFmtId="177" fontId="31" fillId="0" borderId="25" xfId="0" applyNumberFormat="1" applyFont="1" applyFill="1" applyBorder="1" applyAlignment="1"/>
    <xf numFmtId="176" fontId="31" fillId="0" borderId="25" xfId="0" applyNumberFormat="1" applyFont="1" applyFill="1" applyBorder="1" applyAlignment="1">
      <alignment horizontal="right"/>
    </xf>
    <xf numFmtId="178" fontId="31" fillId="0" borderId="25" xfId="0" applyNumberFormat="1" applyFont="1" applyFill="1" applyBorder="1" applyAlignment="1"/>
    <xf numFmtId="184" fontId="31" fillId="0" borderId="25" xfId="0" applyNumberFormat="1" applyFont="1" applyFill="1" applyBorder="1" applyAlignment="1"/>
    <xf numFmtId="178" fontId="31" fillId="0" borderId="26" xfId="0" applyNumberFormat="1" applyFont="1" applyFill="1" applyBorder="1" applyAlignment="1"/>
    <xf numFmtId="184" fontId="31" fillId="0" borderId="0" xfId="0" applyNumberFormat="1" applyFont="1" applyFill="1" applyAlignment="1"/>
    <xf numFmtId="178" fontId="31" fillId="0" borderId="23" xfId="0" applyNumberFormat="1" applyFont="1" applyFill="1" applyBorder="1" applyAlignment="1"/>
    <xf numFmtId="0" fontId="31" fillId="0" borderId="17" xfId="0" applyFont="1" applyFill="1" applyBorder="1" applyAlignment="1"/>
    <xf numFmtId="0" fontId="31" fillId="0" borderId="28" xfId="0" applyFont="1" applyFill="1" applyBorder="1" applyAlignment="1"/>
    <xf numFmtId="0" fontId="33" fillId="0" borderId="0" xfId="0" applyFont="1" applyFill="1" applyAlignment="1"/>
    <xf numFmtId="179" fontId="31" fillId="0" borderId="0" xfId="0" applyNumberFormat="1" applyFont="1" applyFill="1" applyAlignment="1">
      <alignment horizontal="right"/>
    </xf>
    <xf numFmtId="176" fontId="31" fillId="0" borderId="23" xfId="0" applyNumberFormat="1" applyFont="1" applyFill="1" applyBorder="1" applyAlignment="1">
      <alignment horizontal="right"/>
    </xf>
    <xf numFmtId="179" fontId="34" fillId="0" borderId="0" xfId="0" applyNumberFormat="1" applyFont="1" applyFill="1" applyAlignment="1">
      <alignment horizontal="right"/>
    </xf>
    <xf numFmtId="176" fontId="34" fillId="0" borderId="23" xfId="0" applyNumberFormat="1" applyFont="1" applyFill="1" applyBorder="1" applyAlignment="1">
      <alignment horizontal="right"/>
    </xf>
    <xf numFmtId="0" fontId="33" fillId="0" borderId="18" xfId="0" applyFont="1" applyFill="1" applyBorder="1" applyAlignment="1">
      <alignment vertical="top" wrapText="1"/>
    </xf>
    <xf numFmtId="0" fontId="31" fillId="0" borderId="2" xfId="0" applyFont="1" applyFill="1" applyBorder="1" applyAlignment="1">
      <alignment horizontal="center"/>
    </xf>
    <xf numFmtId="177" fontId="34" fillId="0" borderId="23" xfId="0" applyNumberFormat="1" applyFont="1" applyFill="1" applyBorder="1" applyAlignment="1">
      <alignment horizontal="right"/>
    </xf>
    <xf numFmtId="177" fontId="31" fillId="0" borderId="23" xfId="0" applyNumberFormat="1" applyFont="1" applyFill="1" applyBorder="1" applyAlignment="1">
      <alignment horizontal="right"/>
    </xf>
    <xf numFmtId="178" fontId="31" fillId="0" borderId="9" xfId="0" applyNumberFormat="1" applyFont="1" applyFill="1" applyBorder="1" applyAlignment="1"/>
    <xf numFmtId="177" fontId="31" fillId="0" borderId="27" xfId="0" applyNumberFormat="1" applyFont="1" applyFill="1" applyBorder="1" applyAlignment="1">
      <alignment horizontal="right"/>
    </xf>
    <xf numFmtId="176" fontId="31" fillId="0" borderId="28" xfId="0" applyNumberFormat="1" applyFont="1" applyFill="1" applyBorder="1" applyAlignment="1"/>
    <xf numFmtId="0" fontId="31" fillId="0" borderId="0" xfId="0" applyFont="1" applyFill="1" applyAlignment="1">
      <alignment shrinkToFit="1"/>
    </xf>
    <xf numFmtId="0" fontId="34" fillId="0" borderId="25" xfId="0" applyFont="1" applyFill="1" applyBorder="1" applyAlignment="1"/>
    <xf numFmtId="177" fontId="31" fillId="0" borderId="25" xfId="0" applyNumberFormat="1" applyFont="1" applyFill="1" applyBorder="1" applyAlignment="1">
      <alignment horizontal="right"/>
    </xf>
    <xf numFmtId="176" fontId="31" fillId="0" borderId="25" xfId="0" applyNumberFormat="1" applyFont="1" applyFill="1" applyBorder="1" applyAlignment="1"/>
    <xf numFmtId="179" fontId="31" fillId="0" borderId="25" xfId="0" applyNumberFormat="1" applyFont="1" applyFill="1" applyBorder="1" applyAlignment="1"/>
    <xf numFmtId="177" fontId="31" fillId="0" borderId="26" xfId="0" applyNumberFormat="1" applyFont="1" applyFill="1" applyBorder="1" applyAlignment="1">
      <alignment horizontal="right"/>
    </xf>
    <xf numFmtId="177" fontId="31" fillId="0" borderId="26" xfId="0" applyNumberFormat="1" applyFont="1" applyFill="1" applyBorder="1" applyAlignment="1"/>
    <xf numFmtId="177" fontId="31" fillId="0" borderId="23" xfId="0" applyNumberFormat="1" applyFont="1" applyFill="1" applyBorder="1" applyAlignment="1"/>
    <xf numFmtId="0" fontId="34" fillId="0" borderId="18" xfId="0" applyFont="1" applyFill="1" applyBorder="1" applyAlignment="1">
      <alignment horizontal="center"/>
    </xf>
    <xf numFmtId="176" fontId="31" fillId="0" borderId="23" xfId="0" applyNumberFormat="1" applyFont="1" applyFill="1" applyBorder="1" applyAlignment="1"/>
    <xf numFmtId="179" fontId="31" fillId="0" borderId="9" xfId="0" applyNumberFormat="1" applyFont="1" applyFill="1" applyBorder="1" applyAlignment="1"/>
    <xf numFmtId="176" fontId="31" fillId="0" borderId="27" xfId="0" applyNumberFormat="1" applyFont="1" applyFill="1" applyBorder="1" applyAlignment="1"/>
    <xf numFmtId="0" fontId="33" fillId="0" borderId="0" xfId="0" applyFont="1" applyFill="1" applyAlignment="1">
      <alignment horizontal="left"/>
    </xf>
    <xf numFmtId="177" fontId="31" fillId="0" borderId="13" xfId="33" applyNumberFormat="1" applyFont="1" applyFill="1" applyBorder="1" applyAlignment="1">
      <alignment horizontal="right" vertical="center"/>
    </xf>
    <xf numFmtId="177" fontId="31" fillId="0" borderId="13" xfId="0" applyNumberFormat="1" applyFont="1" applyFill="1" applyBorder="1" applyAlignment="1">
      <alignment horizontal="right"/>
    </xf>
    <xf numFmtId="0" fontId="31" fillId="0" borderId="0" xfId="0" quotePrefix="1" applyFont="1" applyFill="1" applyAlignment="1">
      <alignment horizontal="right"/>
    </xf>
    <xf numFmtId="179" fontId="34" fillId="0" borderId="0" xfId="0" applyNumberFormat="1" applyFont="1" applyFill="1" applyAlignment="1"/>
    <xf numFmtId="177" fontId="34" fillId="0" borderId="23" xfId="0" applyNumberFormat="1" applyFont="1" applyFill="1" applyBorder="1" applyAlignment="1"/>
    <xf numFmtId="0" fontId="31" fillId="0" borderId="18" xfId="0" quotePrefix="1" applyFont="1" applyFill="1" applyBorder="1" applyAlignment="1">
      <alignment horizontal="center"/>
    </xf>
    <xf numFmtId="0" fontId="31" fillId="0" borderId="0" xfId="0" applyFont="1" applyFill="1" applyAlignment="1">
      <alignment horizontal="left"/>
    </xf>
    <xf numFmtId="0" fontId="34" fillId="0" borderId="25" xfId="0" applyFont="1" applyFill="1" applyBorder="1" applyAlignment="1">
      <alignment horizontal="center"/>
    </xf>
    <xf numFmtId="0" fontId="31" fillId="0" borderId="25" xfId="0" quotePrefix="1" applyFont="1" applyFill="1" applyBorder="1" applyAlignment="1">
      <alignment horizontal="right"/>
    </xf>
    <xf numFmtId="177" fontId="31" fillId="0" borderId="2" xfId="33" applyNumberFormat="1" applyFont="1" applyFill="1" applyBorder="1" applyAlignment="1">
      <alignment horizontal="center"/>
    </xf>
    <xf numFmtId="0" fontId="31" fillId="0" borderId="3" xfId="0" applyFont="1" applyFill="1" applyBorder="1" applyAlignment="1">
      <alignment horizontal="center"/>
    </xf>
    <xf numFmtId="56" fontId="35" fillId="0" borderId="31" xfId="0" applyNumberFormat="1" applyFont="1" applyFill="1" applyBorder="1" applyAlignment="1">
      <alignment horizontal="centerContinuous" vertical="center"/>
    </xf>
    <xf numFmtId="177" fontId="31" fillId="0" borderId="22" xfId="33" applyNumberFormat="1" applyFont="1" applyFill="1" applyBorder="1" applyAlignment="1">
      <alignment horizontal="center"/>
    </xf>
    <xf numFmtId="177" fontId="31" fillId="0" borderId="0" xfId="33" applyNumberFormat="1" applyFont="1" applyFill="1" applyAlignment="1">
      <alignment horizontal="center"/>
    </xf>
    <xf numFmtId="0" fontId="31" fillId="0" borderId="23" xfId="0" applyFont="1" applyFill="1" applyBorder="1" applyAlignment="1">
      <alignment horizontal="center"/>
    </xf>
    <xf numFmtId="182" fontId="31" fillId="0" borderId="0" xfId="0" applyNumberFormat="1" applyFont="1" applyFill="1" applyAlignment="1">
      <alignment horizontal="right"/>
    </xf>
    <xf numFmtId="178" fontId="34" fillId="0" borderId="0" xfId="0" applyNumberFormat="1" applyFont="1" applyFill="1" applyAlignment="1">
      <alignment horizontal="right"/>
    </xf>
    <xf numFmtId="178" fontId="31" fillId="0" borderId="0" xfId="0" applyNumberFormat="1" applyFont="1" applyFill="1" applyAlignment="1">
      <alignment horizontal="right"/>
    </xf>
    <xf numFmtId="178" fontId="31" fillId="0" borderId="25" xfId="0" applyNumberFormat="1" applyFont="1" applyFill="1" applyBorder="1" applyAlignment="1">
      <alignment horizontal="right"/>
    </xf>
    <xf numFmtId="176" fontId="31" fillId="0" borderId="18" xfId="0" applyNumberFormat="1" applyFont="1" applyFill="1" applyBorder="1" applyAlignment="1">
      <alignment horizontal="right"/>
    </xf>
    <xf numFmtId="178" fontId="31" fillId="0" borderId="18" xfId="0" applyNumberFormat="1" applyFont="1" applyFill="1" applyBorder="1" applyAlignment="1">
      <alignment horizontal="right"/>
    </xf>
    <xf numFmtId="0" fontId="31" fillId="0" borderId="0" xfId="0" applyFont="1" applyFill="1" applyAlignment="1">
      <alignment wrapText="1"/>
    </xf>
    <xf numFmtId="0" fontId="31" fillId="0" borderId="15" xfId="0" applyFont="1" applyFill="1" applyBorder="1" applyAlignment="1">
      <alignment horizontal="center"/>
    </xf>
    <xf numFmtId="0" fontId="37" fillId="0" borderId="0" xfId="0" applyFont="1" applyFill="1" applyAlignment="1">
      <alignment horizontal="center"/>
    </xf>
    <xf numFmtId="177" fontId="31" fillId="0" borderId="13" xfId="33" applyNumberFormat="1" applyFont="1" applyFill="1" applyBorder="1" applyAlignment="1"/>
    <xf numFmtId="182" fontId="31" fillId="0" borderId="13" xfId="33" applyNumberFormat="1" applyFont="1" applyFill="1" applyBorder="1" applyAlignment="1"/>
    <xf numFmtId="182" fontId="34" fillId="0" borderId="13" xfId="0" applyNumberFormat="1" applyFont="1" applyFill="1" applyBorder="1" applyAlignment="1"/>
    <xf numFmtId="182" fontId="34" fillId="0" borderId="0" xfId="0" applyNumberFormat="1" applyFont="1" applyFill="1" applyAlignment="1"/>
    <xf numFmtId="182" fontId="34" fillId="0" borderId="0" xfId="0" quotePrefix="1" applyNumberFormat="1" applyFont="1" applyFill="1" applyAlignment="1">
      <alignment horizontal="right"/>
    </xf>
    <xf numFmtId="176" fontId="34" fillId="0" borderId="0" xfId="0" quotePrefix="1" applyNumberFormat="1" applyFont="1" applyFill="1" applyAlignment="1">
      <alignment horizontal="right"/>
    </xf>
    <xf numFmtId="179" fontId="31" fillId="0" borderId="23" xfId="0" applyNumberFormat="1" applyFont="1" applyFill="1" applyBorder="1" applyAlignment="1"/>
    <xf numFmtId="182" fontId="31" fillId="0" borderId="8" xfId="33" applyNumberFormat="1" applyFont="1" applyFill="1" applyBorder="1" applyAlignment="1">
      <alignment vertical="top"/>
    </xf>
    <xf numFmtId="182" fontId="31" fillId="0" borderId="9" xfId="33" applyNumberFormat="1" applyFont="1" applyFill="1" applyBorder="1" applyAlignment="1">
      <alignment vertical="top"/>
    </xf>
    <xf numFmtId="182" fontId="31" fillId="0" borderId="9" xfId="0" applyNumberFormat="1" applyFont="1" applyFill="1" applyBorder="1" applyAlignment="1">
      <alignment vertical="center"/>
    </xf>
    <xf numFmtId="182" fontId="31" fillId="0" borderId="9" xfId="0" applyNumberFormat="1" applyFont="1" applyFill="1" applyBorder="1" applyAlignment="1">
      <alignment vertical="top"/>
    </xf>
    <xf numFmtId="0" fontId="31" fillId="0" borderId="27" xfId="0" applyFont="1" applyFill="1" applyBorder="1" applyAlignment="1">
      <alignment vertical="center"/>
    </xf>
    <xf numFmtId="182" fontId="34" fillId="0" borderId="13" xfId="33" applyNumberFormat="1" applyFont="1" applyFill="1" applyBorder="1" applyAlignment="1">
      <alignment vertical="center"/>
    </xf>
    <xf numFmtId="182" fontId="34" fillId="0" borderId="0" xfId="0" applyNumberFormat="1" applyFont="1" applyFill="1" applyAlignment="1">
      <alignment vertical="center"/>
    </xf>
    <xf numFmtId="182" fontId="31" fillId="0" borderId="0" xfId="0" applyNumberFormat="1" applyFont="1" applyFill="1" applyAlignment="1">
      <alignment vertical="center"/>
    </xf>
    <xf numFmtId="178" fontId="34" fillId="0" borderId="23" xfId="0" applyNumberFormat="1" applyFont="1" applyFill="1" applyBorder="1" applyAlignment="1">
      <alignment horizontal="right" vertical="center"/>
    </xf>
    <xf numFmtId="0" fontId="31" fillId="0" borderId="32" xfId="0" applyFont="1" applyFill="1" applyBorder="1" applyAlignment="1">
      <alignment horizontal="center" vertical="center" textRotation="255" wrapText="1"/>
    </xf>
    <xf numFmtId="0" fontId="31" fillId="0" borderId="18" xfId="0" applyFont="1" applyFill="1" applyBorder="1" applyAlignment="1">
      <alignment horizontal="center" vertical="center" textRotation="255" wrapText="1"/>
    </xf>
    <xf numFmtId="0" fontId="31" fillId="0" borderId="18" xfId="0" applyFont="1" applyFill="1" applyBorder="1" applyAlignment="1">
      <alignment vertical="top"/>
    </xf>
    <xf numFmtId="177" fontId="31" fillId="0" borderId="17" xfId="33" applyNumberFormat="1" applyFont="1" applyFill="1" applyBorder="1" applyAlignment="1">
      <alignment vertical="top"/>
    </xf>
    <xf numFmtId="177" fontId="31" fillId="0" borderId="18" xfId="33" applyNumberFormat="1" applyFont="1" applyFill="1" applyBorder="1" applyAlignment="1">
      <alignment vertical="top"/>
    </xf>
    <xf numFmtId="177" fontId="31" fillId="0" borderId="18" xfId="0" applyNumberFormat="1" applyFont="1" applyFill="1" applyBorder="1" applyAlignment="1">
      <alignment vertical="top"/>
    </xf>
    <xf numFmtId="179" fontId="31" fillId="0" borderId="18" xfId="0" applyNumberFormat="1" applyFont="1" applyFill="1" applyBorder="1" applyAlignment="1">
      <alignment vertical="top"/>
    </xf>
    <xf numFmtId="0" fontId="31" fillId="0" borderId="28" xfId="0" applyFont="1" applyFill="1" applyBorder="1" applyAlignment="1">
      <alignment vertical="center"/>
    </xf>
    <xf numFmtId="176" fontId="34" fillId="0" borderId="18" xfId="0" quotePrefix="1" applyNumberFormat="1" applyFont="1" applyFill="1" applyBorder="1" applyAlignment="1">
      <alignment horizontal="right"/>
    </xf>
    <xf numFmtId="176" fontId="31" fillId="0" borderId="18" xfId="0" applyNumberFormat="1" applyFont="1" applyFill="1" applyBorder="1" applyAlignment="1"/>
    <xf numFmtId="179" fontId="31" fillId="0" borderId="18" xfId="0" applyNumberFormat="1" applyFont="1" applyFill="1" applyBorder="1" applyAlignment="1">
      <alignment horizontal="right"/>
    </xf>
    <xf numFmtId="182" fontId="31" fillId="0" borderId="17" xfId="33" applyNumberFormat="1" applyFont="1" applyFill="1" applyBorder="1" applyAlignment="1">
      <alignment horizontal="center"/>
    </xf>
    <xf numFmtId="182" fontId="31" fillId="0" borderId="18" xfId="33" applyNumberFormat="1" applyFont="1" applyFill="1" applyBorder="1" applyAlignment="1">
      <alignment horizontal="center"/>
    </xf>
    <xf numFmtId="182" fontId="31" fillId="0" borderId="18" xfId="0" applyNumberFormat="1" applyFont="1" applyFill="1" applyBorder="1" applyAlignment="1"/>
    <xf numFmtId="182" fontId="31" fillId="0" borderId="18" xfId="0" applyNumberFormat="1" applyFont="1" applyFill="1" applyBorder="1" applyAlignment="1">
      <alignment horizontal="center"/>
    </xf>
    <xf numFmtId="185" fontId="31" fillId="0" borderId="18" xfId="0" applyNumberFormat="1" applyFont="1" applyFill="1" applyBorder="1" applyAlignment="1"/>
    <xf numFmtId="182" fontId="31" fillId="0" borderId="28" xfId="0" applyNumberFormat="1" applyFont="1" applyFill="1" applyBorder="1" applyAlignment="1">
      <alignment horizontal="center"/>
    </xf>
    <xf numFmtId="181" fontId="34" fillId="0" borderId="0" xfId="0" applyNumberFormat="1" applyFont="1" applyFill="1" applyAlignment="1"/>
    <xf numFmtId="0" fontId="34" fillId="0" borderId="20" xfId="0" applyFont="1" applyFill="1" applyBorder="1" applyAlignment="1">
      <alignment horizontal="center"/>
    </xf>
    <xf numFmtId="0" fontId="35" fillId="0" borderId="0" xfId="0" applyFont="1" applyFill="1" applyAlignment="1"/>
    <xf numFmtId="176" fontId="35" fillId="0" borderId="0" xfId="0" applyNumberFormat="1" applyFont="1" applyFill="1" applyAlignment="1"/>
    <xf numFmtId="185" fontId="35" fillId="0" borderId="0" xfId="0" applyNumberFormat="1" applyFont="1" applyFill="1" applyAlignment="1"/>
    <xf numFmtId="177" fontId="35" fillId="0" borderId="0" xfId="0" applyNumberFormat="1" applyFont="1" applyFill="1" applyAlignment="1"/>
    <xf numFmtId="179" fontId="35" fillId="0" borderId="0" xfId="0" applyNumberFormat="1" applyFont="1" applyFill="1" applyAlignment="1"/>
    <xf numFmtId="0" fontId="35" fillId="0" borderId="0" xfId="0" quotePrefix="1" applyFont="1" applyFill="1" applyAlignment="1">
      <alignment horizontal="right"/>
    </xf>
    <xf numFmtId="0" fontId="31" fillId="0" borderId="0" xfId="0" applyFont="1" applyFill="1" applyAlignment="1">
      <alignment horizontal="right" vertical="center"/>
    </xf>
    <xf numFmtId="177" fontId="31" fillId="0" borderId="2" xfId="0" applyNumberFormat="1" applyFont="1" applyFill="1" applyBorder="1" applyAlignment="1">
      <alignment vertical="center"/>
    </xf>
    <xf numFmtId="0" fontId="31" fillId="0" borderId="3" xfId="0" applyFont="1" applyFill="1" applyBorder="1" applyAlignment="1">
      <alignment vertical="center"/>
    </xf>
    <xf numFmtId="0" fontId="31" fillId="0" borderId="0" xfId="0" applyFont="1" applyFill="1" applyAlignment="1">
      <alignment horizontal="center" vertical="center" textRotation="255"/>
    </xf>
    <xf numFmtId="0" fontId="31" fillId="0" borderId="29" xfId="0" applyFont="1" applyFill="1" applyBorder="1" applyAlignment="1">
      <alignment horizontal="center" vertical="center" textRotation="255"/>
    </xf>
    <xf numFmtId="177" fontId="31" fillId="0" borderId="13" xfId="33" quotePrefix="1" applyNumberFormat="1" applyFont="1" applyFill="1" applyBorder="1" applyAlignment="1">
      <alignment horizontal="right" vertical="top"/>
    </xf>
    <xf numFmtId="182" fontId="31" fillId="0" borderId="0" xfId="0" applyNumberFormat="1" applyFont="1" applyFill="1" applyAlignment="1">
      <alignment vertical="top"/>
    </xf>
    <xf numFmtId="182" fontId="31" fillId="0" borderId="17" xfId="33" applyNumberFormat="1" applyFont="1" applyFill="1" applyBorder="1" applyAlignment="1">
      <alignment vertical="top"/>
    </xf>
    <xf numFmtId="182" fontId="31" fillId="0" borderId="0" xfId="33" applyNumberFormat="1" applyFont="1" applyFill="1" applyAlignment="1">
      <alignment vertical="top"/>
    </xf>
    <xf numFmtId="182" fontId="31" fillId="0" borderId="18" xfId="0" applyNumberFormat="1" applyFont="1" applyFill="1" applyBorder="1" applyAlignment="1">
      <alignment vertical="top"/>
    </xf>
    <xf numFmtId="0" fontId="31" fillId="0" borderId="33" xfId="0" applyFont="1" applyFill="1" applyBorder="1" applyAlignment="1">
      <alignment horizontal="center" vertical="center" textRotation="255" wrapText="1"/>
    </xf>
    <xf numFmtId="182" fontId="31" fillId="0" borderId="13" xfId="33" applyNumberFormat="1" applyFont="1" applyFill="1" applyBorder="1" applyAlignment="1">
      <alignment vertical="top"/>
    </xf>
    <xf numFmtId="182" fontId="31" fillId="0" borderId="2" xfId="0" applyNumberFormat="1" applyFont="1" applyFill="1" applyBorder="1" applyAlignment="1">
      <alignment vertical="center"/>
    </xf>
    <xf numFmtId="182" fontId="31" fillId="0" borderId="2" xfId="0" applyNumberFormat="1" applyFont="1" applyFill="1" applyBorder="1" applyAlignment="1">
      <alignment vertical="top"/>
    </xf>
    <xf numFmtId="0" fontId="31" fillId="0" borderId="23" xfId="0" applyFont="1" applyFill="1" applyBorder="1" applyAlignment="1">
      <alignment vertical="center"/>
    </xf>
    <xf numFmtId="179" fontId="31" fillId="0" borderId="0" xfId="0" applyNumberFormat="1" applyFont="1" applyFill="1" applyAlignment="1">
      <alignment vertical="top"/>
    </xf>
    <xf numFmtId="0" fontId="32" fillId="0" borderId="0" xfId="0" applyFont="1" applyFill="1" applyAlignment="1">
      <alignment vertical="top"/>
    </xf>
    <xf numFmtId="0" fontId="36" fillId="0" borderId="0" xfId="0" applyFont="1" applyFill="1" applyAlignment="1"/>
    <xf numFmtId="0" fontId="31" fillId="0" borderId="0" xfId="45" applyFont="1" applyFill="1"/>
    <xf numFmtId="177" fontId="31" fillId="0" borderId="5" xfId="0" applyNumberFormat="1" applyFont="1" applyFill="1" applyBorder="1" applyAlignment="1">
      <alignment horizontal="center" vertical="center"/>
    </xf>
    <xf numFmtId="0" fontId="31" fillId="0" borderId="19" xfId="47" applyFont="1" applyFill="1" applyBorder="1" applyAlignment="1">
      <alignment vertical="center"/>
    </xf>
    <xf numFmtId="0" fontId="31" fillId="0" borderId="19" xfId="47" applyFont="1" applyFill="1" applyBorder="1" applyAlignment="1">
      <alignment horizontal="center" vertical="center"/>
    </xf>
    <xf numFmtId="182" fontId="31" fillId="0" borderId="0" xfId="46" applyNumberFormat="1" applyFont="1" applyFill="1" applyAlignment="1">
      <alignment horizontal="right"/>
    </xf>
    <xf numFmtId="183" fontId="34" fillId="0" borderId="0" xfId="0" applyNumberFormat="1" applyFont="1" applyFill="1" applyAlignment="1">
      <alignment horizontal="right"/>
    </xf>
    <xf numFmtId="183" fontId="34" fillId="0" borderId="23" xfId="0" applyNumberFormat="1" applyFont="1" applyFill="1" applyBorder="1" applyAlignment="1">
      <alignment horizontal="right"/>
    </xf>
    <xf numFmtId="0" fontId="34" fillId="0" borderId="9" xfId="0" applyFont="1" applyFill="1" applyBorder="1" applyAlignment="1">
      <alignment horizontal="center"/>
    </xf>
    <xf numFmtId="183" fontId="31" fillId="0" borderId="9" xfId="0" applyNumberFormat="1" applyFont="1" applyFill="1" applyBorder="1" applyAlignment="1">
      <alignment horizontal="right"/>
    </xf>
    <xf numFmtId="183" fontId="31" fillId="0" borderId="27" xfId="0" applyNumberFormat="1" applyFont="1" applyFill="1" applyBorder="1" applyAlignment="1">
      <alignment horizontal="right"/>
    </xf>
    <xf numFmtId="183" fontId="31" fillId="0" borderId="18" xfId="0" applyNumberFormat="1" applyFont="1" applyFill="1" applyBorder="1" applyAlignment="1">
      <alignment horizontal="right"/>
    </xf>
    <xf numFmtId="0" fontId="31" fillId="0" borderId="17" xfId="46" applyFont="1" applyFill="1" applyBorder="1" applyAlignment="1">
      <alignment horizontal="center" vertical="center"/>
    </xf>
    <xf numFmtId="0" fontId="31" fillId="0" borderId="18" xfId="46" applyFont="1" applyFill="1" applyBorder="1" applyAlignment="1">
      <alignment horizontal="center" vertical="center"/>
    </xf>
    <xf numFmtId="0" fontId="31" fillId="0" borderId="20" xfId="46" applyFont="1" applyFill="1" applyBorder="1" applyAlignment="1">
      <alignment horizontal="center" vertical="center"/>
    </xf>
    <xf numFmtId="177" fontId="34" fillId="0" borderId="13" xfId="45" applyNumberFormat="1" applyFont="1" applyFill="1" applyBorder="1"/>
    <xf numFmtId="0" fontId="31" fillId="0" borderId="29" xfId="45" applyFont="1" applyFill="1" applyBorder="1"/>
    <xf numFmtId="0" fontId="31" fillId="0" borderId="0" xfId="47" applyFont="1" applyFill="1"/>
    <xf numFmtId="0" fontId="31" fillId="0" borderId="33" xfId="47" applyFont="1" applyFill="1" applyBorder="1"/>
    <xf numFmtId="0" fontId="31" fillId="0" borderId="2" xfId="47" applyFont="1" applyFill="1" applyBorder="1"/>
    <xf numFmtId="0" fontId="31" fillId="0" borderId="29" xfId="47" applyFont="1" applyFill="1" applyBorder="1"/>
    <xf numFmtId="0" fontId="31" fillId="0" borderId="0" xfId="47" applyFont="1" applyFill="1" applyAlignment="1">
      <alignment horizontal="center"/>
    </xf>
    <xf numFmtId="0" fontId="31" fillId="0" borderId="15" xfId="47" applyFont="1" applyFill="1" applyBorder="1" applyAlignment="1">
      <alignment horizontal="center"/>
    </xf>
    <xf numFmtId="0" fontId="31" fillId="0" borderId="32" xfId="47" applyFont="1" applyFill="1" applyBorder="1"/>
    <xf numFmtId="0" fontId="31" fillId="0" borderId="18" xfId="47" applyFont="1" applyFill="1" applyBorder="1" applyAlignment="1">
      <alignment horizontal="center"/>
    </xf>
    <xf numFmtId="0" fontId="31" fillId="0" borderId="20" xfId="47" applyFont="1" applyFill="1" applyBorder="1" applyAlignment="1">
      <alignment horizontal="center"/>
    </xf>
    <xf numFmtId="0" fontId="31" fillId="0" borderId="2" xfId="47" applyFont="1" applyFill="1" applyBorder="1" applyAlignment="1">
      <alignment horizontal="center"/>
    </xf>
    <xf numFmtId="180" fontId="31" fillId="0" borderId="0" xfId="0" applyNumberFormat="1" applyFont="1" applyFill="1" applyAlignment="1">
      <alignment horizontal="right"/>
    </xf>
    <xf numFmtId="0" fontId="34" fillId="0" borderId="0" xfId="47" applyFont="1" applyFill="1" applyAlignment="1">
      <alignment horizontal="center"/>
    </xf>
    <xf numFmtId="0" fontId="31" fillId="0" borderId="30" xfId="47" applyFont="1" applyFill="1" applyBorder="1"/>
    <xf numFmtId="0" fontId="31" fillId="0" borderId="9" xfId="47" applyFont="1" applyFill="1" applyBorder="1"/>
    <xf numFmtId="0" fontId="34" fillId="0" borderId="9" xfId="47" applyFont="1" applyFill="1" applyBorder="1" applyAlignment="1">
      <alignment horizontal="center"/>
    </xf>
    <xf numFmtId="0" fontId="31" fillId="0" borderId="18" xfId="47" applyFont="1" applyFill="1" applyBorder="1"/>
    <xf numFmtId="0" fontId="38" fillId="0" borderId="0" xfId="0" applyFont="1" applyFill="1" applyAlignment="1"/>
    <xf numFmtId="0" fontId="35" fillId="0" borderId="14" xfId="0" applyFont="1" applyFill="1" applyBorder="1" applyAlignment="1">
      <alignment horizontal="center" vertical="center"/>
    </xf>
    <xf numFmtId="0" fontId="31" fillId="0" borderId="0" xfId="46" applyFont="1" applyFill="1"/>
    <xf numFmtId="0" fontId="39" fillId="0" borderId="0" xfId="46" applyFont="1" applyFill="1"/>
    <xf numFmtId="179" fontId="31" fillId="0" borderId="9" xfId="0" applyNumberFormat="1" applyFont="1" applyFill="1" applyBorder="1" applyAlignment="1">
      <alignment horizontal="right"/>
    </xf>
    <xf numFmtId="0" fontId="39" fillId="0" borderId="0" xfId="0" applyFont="1" applyFill="1" applyAlignment="1">
      <alignment shrinkToFit="1"/>
    </xf>
    <xf numFmtId="0" fontId="31" fillId="0" borderId="29" xfId="46" applyFont="1" applyFill="1" applyBorder="1"/>
    <xf numFmtId="0" fontId="31" fillId="0" borderId="0" xfId="46" applyFont="1" applyFill="1" applyAlignment="1">
      <alignment shrinkToFit="1"/>
    </xf>
    <xf numFmtId="184" fontId="31" fillId="0" borderId="9" xfId="0" applyNumberFormat="1" applyFont="1" applyFill="1" applyBorder="1" applyAlignment="1">
      <alignment horizontal="right"/>
    </xf>
    <xf numFmtId="184" fontId="31" fillId="0" borderId="18" xfId="0" applyNumberFormat="1" applyFont="1" applyFill="1" applyBorder="1" applyAlignment="1">
      <alignment horizontal="right"/>
    </xf>
    <xf numFmtId="183" fontId="31" fillId="0" borderId="28" xfId="0" applyNumberFormat="1" applyFont="1" applyFill="1" applyBorder="1" applyAlignment="1">
      <alignment horizontal="right"/>
    </xf>
    <xf numFmtId="177" fontId="31" fillId="0" borderId="22" xfId="33" applyNumberFormat="1" applyFont="1" applyFill="1" applyBorder="1" applyAlignment="1">
      <alignment horizontal="centerContinuous" vertical="center"/>
    </xf>
    <xf numFmtId="177" fontId="31" fillId="0" borderId="2" xfId="33" applyNumberFormat="1" applyFont="1" applyFill="1" applyBorder="1" applyAlignment="1">
      <alignment horizontal="centerContinuous" vertical="center"/>
    </xf>
    <xf numFmtId="0" fontId="31" fillId="0" borderId="2" xfId="0" applyFont="1" applyFill="1" applyBorder="1" applyAlignment="1">
      <alignment horizontal="centerContinuous" vertical="center"/>
    </xf>
    <xf numFmtId="177" fontId="31" fillId="0" borderId="13" xfId="0" applyNumberFormat="1" applyFont="1" applyFill="1" applyBorder="1" applyAlignment="1">
      <alignment vertical="center"/>
    </xf>
    <xf numFmtId="183" fontId="31" fillId="0" borderId="0" xfId="0" applyNumberFormat="1" applyFont="1" applyFill="1" applyAlignment="1">
      <alignment horizontal="centerContinuous" vertical="center"/>
    </xf>
    <xf numFmtId="184" fontId="31" fillId="0" borderId="0" xfId="0" applyNumberFormat="1" applyFont="1" applyFill="1" applyAlignment="1">
      <alignment horizontal="centerContinuous" vertical="center"/>
    </xf>
    <xf numFmtId="183" fontId="31" fillId="0" borderId="23" xfId="0" applyNumberFormat="1" applyFont="1" applyFill="1" applyBorder="1" applyAlignment="1">
      <alignment horizontal="centerContinuous" vertical="center"/>
    </xf>
    <xf numFmtId="177" fontId="31" fillId="0" borderId="8" xfId="0" applyNumberFormat="1" applyFont="1" applyFill="1" applyBorder="1" applyAlignment="1">
      <alignment vertical="center"/>
    </xf>
    <xf numFmtId="177" fontId="31" fillId="0" borderId="9" xfId="0" applyNumberFormat="1" applyFont="1" applyFill="1" applyBorder="1" applyAlignment="1">
      <alignment vertical="center"/>
    </xf>
    <xf numFmtId="183" fontId="31" fillId="0" borderId="9" xfId="0" applyNumberFormat="1" applyFont="1" applyFill="1" applyBorder="1" applyAlignment="1">
      <alignment horizontal="centerContinuous" vertical="center"/>
    </xf>
    <xf numFmtId="184" fontId="31" fillId="0" borderId="9" xfId="0" applyNumberFormat="1" applyFont="1" applyFill="1" applyBorder="1" applyAlignment="1">
      <alignment horizontal="centerContinuous" vertical="center"/>
    </xf>
    <xf numFmtId="183" fontId="31" fillId="0" borderId="27" xfId="0" applyNumberFormat="1" applyFont="1" applyFill="1" applyBorder="1" applyAlignment="1">
      <alignment horizontal="centerContinuous" vertical="center"/>
    </xf>
    <xf numFmtId="177" fontId="34" fillId="0" borderId="13" xfId="0" applyNumberFormat="1" applyFont="1" applyFill="1" applyBorder="1" applyAlignment="1">
      <alignment vertical="center"/>
    </xf>
    <xf numFmtId="184" fontId="34" fillId="0" borderId="0" xfId="0" applyNumberFormat="1" applyFont="1" applyFill="1" applyAlignment="1">
      <alignment vertical="center"/>
    </xf>
    <xf numFmtId="177" fontId="34" fillId="0" borderId="23" xfId="0" applyNumberFormat="1" applyFont="1" applyFill="1" applyBorder="1" applyAlignment="1">
      <alignment vertical="center"/>
    </xf>
    <xf numFmtId="177" fontId="31" fillId="0" borderId="17" xfId="0" applyNumberFormat="1" applyFont="1" applyFill="1" applyBorder="1" applyAlignment="1">
      <alignment horizontal="centerContinuous" vertical="center"/>
    </xf>
    <xf numFmtId="177" fontId="31" fillId="0" borderId="18" xfId="0" applyNumberFormat="1" applyFont="1" applyFill="1" applyBorder="1" applyAlignment="1">
      <alignment horizontal="centerContinuous" vertical="center"/>
    </xf>
    <xf numFmtId="183" fontId="31" fillId="0" borderId="18" xfId="0" applyNumberFormat="1" applyFont="1" applyFill="1" applyBorder="1" applyAlignment="1">
      <alignment horizontal="centerContinuous" vertical="center"/>
    </xf>
    <xf numFmtId="177" fontId="31" fillId="0" borderId="13" xfId="33" applyNumberFormat="1" applyFont="1" applyFill="1" applyBorder="1" applyAlignment="1">
      <alignment horizontal="right"/>
    </xf>
    <xf numFmtId="177" fontId="31" fillId="0" borderId="17" xfId="0" applyNumberFormat="1" applyFont="1" applyFill="1" applyBorder="1" applyAlignment="1">
      <alignment horizontal="right"/>
    </xf>
    <xf numFmtId="177" fontId="31" fillId="0" borderId="8" xfId="0" applyNumberFormat="1" applyFont="1" applyFill="1" applyBorder="1" applyAlignment="1">
      <alignment horizontal="right"/>
    </xf>
    <xf numFmtId="0" fontId="34" fillId="0" borderId="0" xfId="46" applyFont="1" applyFill="1" applyAlignment="1">
      <alignment horizontal="left"/>
    </xf>
    <xf numFmtId="183" fontId="8" fillId="0" borderId="23" xfId="0" applyNumberFormat="1" applyFont="1" applyFill="1" applyBorder="1" applyAlignment="1">
      <alignment horizontal="right"/>
    </xf>
    <xf numFmtId="176" fontId="8" fillId="0" borderId="23" xfId="0" applyNumberFormat="1" applyFont="1" applyFill="1" applyBorder="1" applyAlignment="1"/>
    <xf numFmtId="0" fontId="7" fillId="0" borderId="0" xfId="0" applyFont="1" applyFill="1" applyBorder="1" applyAlignment="1"/>
    <xf numFmtId="177" fontId="7" fillId="0" borderId="0" xfId="0" applyNumberFormat="1" applyFont="1" applyFill="1" applyBorder="1" applyAlignment="1"/>
    <xf numFmtId="179" fontId="7" fillId="0" borderId="0" xfId="0" applyNumberFormat="1" applyFont="1" applyFill="1" applyBorder="1" applyAlignment="1"/>
    <xf numFmtId="176" fontId="7" fillId="0" borderId="0" xfId="0" applyNumberFormat="1" applyFont="1" applyFill="1" applyBorder="1" applyAlignment="1"/>
    <xf numFmtId="0" fontId="31" fillId="0" borderId="33" xfId="46" applyFont="1" applyFill="1" applyBorder="1" applyAlignment="1"/>
    <xf numFmtId="0" fontId="31" fillId="0" borderId="2" xfId="46" applyFont="1" applyFill="1" applyBorder="1" applyAlignment="1"/>
    <xf numFmtId="0" fontId="31" fillId="0" borderId="29" xfId="46" applyFont="1" applyFill="1" applyBorder="1" applyAlignment="1"/>
    <xf numFmtId="0" fontId="31" fillId="0" borderId="0" xfId="46" applyFont="1" applyFill="1" applyBorder="1" applyAlignment="1"/>
    <xf numFmtId="0" fontId="31" fillId="0" borderId="0" xfId="46" applyFont="1" applyFill="1" applyBorder="1" applyAlignment="1">
      <alignment horizontal="center"/>
    </xf>
    <xf numFmtId="0" fontId="31" fillId="0" borderId="15" xfId="46" applyFont="1" applyFill="1" applyBorder="1" applyAlignment="1">
      <alignment horizontal="center"/>
    </xf>
    <xf numFmtId="0" fontId="31" fillId="0" borderId="18" xfId="46" applyFont="1" applyFill="1" applyBorder="1" applyAlignment="1">
      <alignment horizontal="center"/>
    </xf>
    <xf numFmtId="0" fontId="31" fillId="0" borderId="20" xfId="46" applyFont="1" applyFill="1" applyBorder="1" applyAlignment="1">
      <alignment horizontal="center"/>
    </xf>
    <xf numFmtId="0" fontId="31" fillId="0" borderId="32" xfId="46" applyFont="1" applyFill="1" applyBorder="1" applyAlignment="1"/>
    <xf numFmtId="0" fontId="31" fillId="0" borderId="18" xfId="46" applyFont="1" applyFill="1" applyBorder="1" applyAlignment="1"/>
    <xf numFmtId="0" fontId="40" fillId="0" borderId="0" xfId="0" applyFont="1" applyFill="1" applyAlignment="1"/>
    <xf numFmtId="0" fontId="40" fillId="0" borderId="0" xfId="0" applyFont="1" applyFill="1" applyAlignment="1">
      <alignment horizontal="center"/>
    </xf>
    <xf numFmtId="0" fontId="41" fillId="0" borderId="0" xfId="0" applyFont="1" applyFill="1" applyAlignment="1"/>
    <xf numFmtId="0" fontId="42" fillId="0" borderId="0" xfId="0" applyFont="1" applyFill="1" applyAlignment="1"/>
    <xf numFmtId="6" fontId="41" fillId="0" borderId="0" xfId="42" applyFont="1" applyFill="1" applyAlignment="1"/>
    <xf numFmtId="0" fontId="43" fillId="0" borderId="0" xfId="44" applyFont="1" applyFill="1" applyAlignment="1">
      <alignment vertical="center"/>
    </xf>
    <xf numFmtId="0" fontId="44" fillId="0" borderId="0" xfId="44" applyFont="1" applyFill="1" applyAlignment="1">
      <alignment vertical="center"/>
    </xf>
    <xf numFmtId="177" fontId="31" fillId="0" borderId="0" xfId="0" applyNumberFormat="1" applyFont="1" applyFill="1" applyBorder="1" applyAlignment="1"/>
    <xf numFmtId="0" fontId="43" fillId="0" borderId="0" xfId="0" applyFont="1" applyFill="1" applyAlignment="1"/>
    <xf numFmtId="0" fontId="31" fillId="0" borderId="0" xfId="0" applyFont="1" applyFill="1" applyBorder="1" applyAlignment="1">
      <alignment horizontal="center"/>
    </xf>
    <xf numFmtId="0" fontId="33" fillId="0" borderId="0" xfId="0" applyFont="1" applyFill="1" applyBorder="1" applyAlignment="1"/>
    <xf numFmtId="0" fontId="34" fillId="0" borderId="0" xfId="0" applyFont="1" applyFill="1" applyBorder="1" applyAlignment="1"/>
    <xf numFmtId="0" fontId="31" fillId="0" borderId="0" xfId="0" applyFont="1" applyFill="1" applyBorder="1" applyAlignment="1">
      <alignment vertical="center"/>
    </xf>
    <xf numFmtId="0" fontId="34" fillId="0" borderId="0" xfId="0" applyFont="1" applyFill="1" applyBorder="1" applyAlignment="1">
      <alignment horizontal="centerContinuous" vertical="center"/>
    </xf>
    <xf numFmtId="177" fontId="31" fillId="0" borderId="8" xfId="33" applyNumberFormat="1" applyFont="1" applyFill="1" applyBorder="1" applyAlignment="1">
      <alignment vertical="top"/>
    </xf>
    <xf numFmtId="0" fontId="31" fillId="0" borderId="0" xfId="46" applyFont="1" applyFill="1" applyBorder="1" applyAlignment="1">
      <alignment horizontal="left"/>
    </xf>
    <xf numFmtId="177" fontId="31" fillId="0" borderId="0" xfId="33" applyNumberFormat="1" applyFont="1" applyFill="1" applyBorder="1" applyAlignment="1">
      <alignment horizontal="center" vertical="center"/>
    </xf>
    <xf numFmtId="0" fontId="31" fillId="0" borderId="0" xfId="0" applyFont="1" applyFill="1" applyBorder="1" applyAlignment="1">
      <alignment horizontal="center" vertical="center"/>
    </xf>
    <xf numFmtId="0" fontId="7" fillId="0" borderId="0" xfId="0" applyFont="1" applyFill="1" applyAlignment="1"/>
    <xf numFmtId="0" fontId="7" fillId="0" borderId="2" xfId="0" applyFont="1" applyFill="1" applyBorder="1" applyAlignment="1"/>
    <xf numFmtId="0" fontId="7" fillId="0" borderId="18" xfId="0" applyFont="1" applyFill="1" applyBorder="1" applyAlignment="1">
      <alignment horizontal="center"/>
    </xf>
    <xf numFmtId="0" fontId="7" fillId="0" borderId="20" xfId="0" applyFont="1" applyFill="1" applyBorder="1" applyAlignment="1">
      <alignment horizontal="center"/>
    </xf>
    <xf numFmtId="0" fontId="8" fillId="0" borderId="0" xfId="0" applyFont="1" applyFill="1" applyBorder="1" applyAlignment="1"/>
    <xf numFmtId="0" fontId="7" fillId="0" borderId="0" xfId="0" applyFont="1" applyFill="1" applyAlignment="1">
      <alignment shrinkToFit="1"/>
    </xf>
    <xf numFmtId="0" fontId="7" fillId="0" borderId="0" xfId="46" applyFont="1" applyFill="1" applyBorder="1" applyAlignment="1">
      <alignment vertical="top"/>
    </xf>
    <xf numFmtId="0" fontId="34" fillId="0" borderId="0" xfId="46" applyFont="1" applyFill="1" applyBorder="1" applyAlignment="1"/>
    <xf numFmtId="0" fontId="8" fillId="0" borderId="0" xfId="46" applyFont="1" applyFill="1" applyBorder="1" applyAlignment="1">
      <alignment horizontal="center"/>
    </xf>
    <xf numFmtId="0" fontId="31" fillId="0" borderId="0" xfId="0" applyFont="1" applyFill="1" applyBorder="1" applyAlignment="1"/>
    <xf numFmtId="177" fontId="8" fillId="0" borderId="13" xfId="46" applyNumberFormat="1" applyFont="1" applyFill="1" applyBorder="1" applyAlignment="1"/>
    <xf numFmtId="177" fontId="8" fillId="0" borderId="0" xfId="46" applyNumberFormat="1" applyFont="1" applyFill="1" applyBorder="1" applyAlignment="1"/>
    <xf numFmtId="0" fontId="7" fillId="0" borderId="0" xfId="0" applyFont="1" applyFill="1" applyBorder="1" applyAlignment="1">
      <alignment vertical="center"/>
    </xf>
    <xf numFmtId="183" fontId="31" fillId="0" borderId="0" xfId="0" applyNumberFormat="1" applyFont="1" applyFill="1" applyBorder="1" applyAlignment="1">
      <alignment horizontal="right"/>
    </xf>
    <xf numFmtId="0" fontId="34" fillId="0" borderId="0" xfId="0" applyFont="1" applyFill="1" applyBorder="1" applyAlignment="1">
      <alignment horizontal="center"/>
    </xf>
    <xf numFmtId="179" fontId="31" fillId="0" borderId="0" xfId="0" applyNumberFormat="1" applyFont="1" applyFill="1" applyBorder="1" applyAlignment="1"/>
    <xf numFmtId="177" fontId="31" fillId="0" borderId="24" xfId="34" applyNumberFormat="1" applyFont="1" applyFill="1" applyBorder="1" applyAlignment="1">
      <alignment horizontal="center" vertical="center"/>
    </xf>
    <xf numFmtId="177" fontId="31" fillId="0" borderId="8" xfId="34" applyNumberFormat="1" applyFont="1" applyFill="1" applyBorder="1" applyAlignment="1">
      <alignment horizontal="center" vertical="center"/>
    </xf>
    <xf numFmtId="177" fontId="31" fillId="0" borderId="13" xfId="34" applyNumberFormat="1" applyFont="1" applyFill="1" applyBorder="1" applyAlignment="1">
      <alignment horizontal="center" vertical="center"/>
    </xf>
    <xf numFmtId="177" fontId="31" fillId="0" borderId="24" xfId="34" applyNumberFormat="1" applyFont="1" applyFill="1" applyBorder="1" applyAlignment="1">
      <alignment vertical="top"/>
    </xf>
    <xf numFmtId="177" fontId="31" fillId="0" borderId="8" xfId="34" applyNumberFormat="1" applyFont="1" applyFill="1" applyBorder="1" applyAlignment="1">
      <alignment vertical="top"/>
    </xf>
    <xf numFmtId="176" fontId="34" fillId="0" borderId="13" xfId="0" applyNumberFormat="1" applyFont="1" applyFill="1" applyBorder="1" applyAlignment="1">
      <alignment horizontal="right"/>
    </xf>
    <xf numFmtId="183" fontId="31" fillId="0" borderId="0" xfId="0" applyNumberFormat="1" applyFont="1" applyFill="1" applyAlignment="1"/>
    <xf numFmtId="56" fontId="31" fillId="0" borderId="13" xfId="0" quotePrefix="1" applyNumberFormat="1" applyFont="1" applyFill="1" applyBorder="1" applyAlignment="1">
      <alignment horizontal="center" vertical="center"/>
    </xf>
    <xf numFmtId="0" fontId="7" fillId="0" borderId="0" xfId="0" applyFont="1" applyFill="1" applyAlignment="1">
      <alignment horizontal="center"/>
    </xf>
    <xf numFmtId="0" fontId="31" fillId="0" borderId="0" xfId="0" applyFont="1" applyFill="1" applyAlignment="1">
      <alignment horizontal="center"/>
    </xf>
    <xf numFmtId="0" fontId="34" fillId="0" borderId="0" xfId="0" applyFont="1" applyFill="1" applyAlignment="1">
      <alignment horizontal="center"/>
    </xf>
    <xf numFmtId="0" fontId="34" fillId="0" borderId="15" xfId="0" applyFont="1" applyFill="1" applyBorder="1" applyAlignment="1">
      <alignment horizontal="center"/>
    </xf>
    <xf numFmtId="0" fontId="34" fillId="0" borderId="0" xfId="0" applyFont="1" applyFill="1" applyAlignment="1">
      <alignment horizontal="center" vertical="center"/>
    </xf>
    <xf numFmtId="0" fontId="31" fillId="0" borderId="0" xfId="0" applyFont="1" applyFill="1" applyAlignment="1">
      <alignment horizontal="left" shrinkToFit="1"/>
    </xf>
    <xf numFmtId="177" fontId="31" fillId="0" borderId="13" xfId="34" applyNumberFormat="1" applyFont="1" applyFill="1" applyBorder="1" applyAlignment="1">
      <alignment vertical="top"/>
    </xf>
    <xf numFmtId="177" fontId="31" fillId="0" borderId="13" xfId="34" applyNumberFormat="1" applyFont="1" applyFill="1" applyBorder="1" applyAlignment="1">
      <alignment horizontal="right" vertical="center"/>
    </xf>
    <xf numFmtId="0" fontId="31" fillId="0" borderId="0" xfId="0" applyFont="1" applyFill="1" applyBorder="1" applyAlignment="1">
      <alignment vertical="top"/>
    </xf>
    <xf numFmtId="177" fontId="34" fillId="0" borderId="13" xfId="34" applyNumberFormat="1" applyFont="1" applyFill="1" applyBorder="1" applyAlignment="1">
      <alignment vertical="center"/>
    </xf>
    <xf numFmtId="178" fontId="31" fillId="0" borderId="0" xfId="46" applyNumberFormat="1" applyFont="1" applyFill="1" applyAlignment="1">
      <alignment vertical="top"/>
    </xf>
    <xf numFmtId="182" fontId="31" fillId="0" borderId="0" xfId="46" applyNumberFormat="1" applyFont="1" applyFill="1" applyAlignment="1">
      <alignment vertical="center"/>
    </xf>
    <xf numFmtId="182" fontId="31" fillId="0" borderId="23" xfId="46" applyNumberFormat="1" applyFont="1" applyFill="1" applyBorder="1" applyAlignment="1">
      <alignment vertical="center"/>
    </xf>
    <xf numFmtId="177" fontId="7" fillId="0" borderId="0" xfId="46" applyNumberFormat="1" applyFont="1" applyFill="1" applyBorder="1" applyAlignment="1"/>
    <xf numFmtId="177" fontId="7" fillId="0" borderId="13" xfId="46" applyNumberFormat="1" applyFont="1" applyFill="1" applyBorder="1" applyAlignment="1"/>
    <xf numFmtId="177" fontId="34" fillId="0" borderId="13" xfId="0" applyNumberFormat="1" applyFont="1" applyFill="1" applyBorder="1" applyAlignment="1">
      <alignment horizontal="right"/>
    </xf>
    <xf numFmtId="0" fontId="35" fillId="0" borderId="0" xfId="47" applyFont="1" applyFill="1"/>
    <xf numFmtId="0" fontId="45" fillId="0" borderId="0" xfId="0" applyFont="1" applyFill="1" applyAlignment="1">
      <alignment horizontal="left" vertical="center" wrapText="1"/>
    </xf>
    <xf numFmtId="0" fontId="46" fillId="0" borderId="0" xfId="0" applyFont="1" applyFill="1" applyBorder="1" applyAlignment="1">
      <alignment horizontal="center" vertical="center" wrapText="1"/>
    </xf>
    <xf numFmtId="0" fontId="31" fillId="0" borderId="1" xfId="0" applyFont="1" applyFill="1" applyBorder="1" applyAlignment="1">
      <alignment horizontal="center" vertical="center" textRotation="255" wrapText="1"/>
    </xf>
    <xf numFmtId="0" fontId="31" fillId="0" borderId="4" xfId="0" applyFont="1" applyFill="1" applyBorder="1" applyAlignment="1">
      <alignment horizontal="center" vertical="center" textRotation="255" wrapText="1"/>
    </xf>
    <xf numFmtId="0" fontId="31" fillId="0" borderId="36" xfId="0" applyFont="1" applyFill="1" applyBorder="1" applyAlignment="1">
      <alignment horizontal="center" vertical="center" textRotation="255" wrapText="1"/>
    </xf>
    <xf numFmtId="0" fontId="31" fillId="0" borderId="1" xfId="0" applyFont="1" applyFill="1" applyBorder="1" applyAlignment="1">
      <alignment horizontal="center" vertical="distributed" textRotation="255" wrapText="1" justifyLastLine="1"/>
    </xf>
    <xf numFmtId="0" fontId="31" fillId="0" borderId="4" xfId="0" applyFont="1" applyFill="1" applyBorder="1" applyAlignment="1">
      <alignment horizontal="center" vertical="distributed" textRotation="255" wrapText="1" justifyLastLine="1"/>
    </xf>
    <xf numFmtId="0" fontId="31" fillId="0" borderId="36" xfId="0" applyFont="1" applyFill="1" applyBorder="1" applyAlignment="1">
      <alignment horizontal="center" vertical="distributed" textRotation="255" wrapText="1" justifyLastLine="1"/>
    </xf>
    <xf numFmtId="0" fontId="31" fillId="0" borderId="35" xfId="0" applyFont="1" applyFill="1" applyBorder="1" applyAlignment="1">
      <alignment horizontal="center" vertical="distributed" textRotation="255" wrapText="1" justifyLastLine="1"/>
    </xf>
    <xf numFmtId="0" fontId="31" fillId="0" borderId="35" xfId="0" applyFont="1" applyFill="1" applyBorder="1" applyAlignment="1">
      <alignment horizontal="center" vertical="center" textRotation="255"/>
    </xf>
    <xf numFmtId="0" fontId="31" fillId="0" borderId="4" xfId="0" applyFont="1" applyFill="1" applyBorder="1" applyAlignment="1">
      <alignment horizontal="center" vertical="center" textRotation="255"/>
    </xf>
    <xf numFmtId="0" fontId="31" fillId="0" borderId="36" xfId="0" applyFont="1" applyFill="1" applyBorder="1" applyAlignment="1">
      <alignment horizontal="center" vertical="center" textRotation="255"/>
    </xf>
    <xf numFmtId="0" fontId="33" fillId="0" borderId="2" xfId="0" applyFont="1" applyFill="1" applyBorder="1" applyAlignment="1">
      <alignment horizontal="left" shrinkToFit="1"/>
    </xf>
    <xf numFmtId="0" fontId="31" fillId="0" borderId="35" xfId="0" applyFont="1" applyFill="1" applyBorder="1" applyAlignment="1">
      <alignment horizontal="center" vertical="center" textRotation="255" wrapText="1"/>
    </xf>
    <xf numFmtId="0" fontId="31" fillId="0" borderId="16" xfId="0" applyFont="1" applyFill="1" applyBorder="1" applyAlignment="1">
      <alignment horizontal="center" vertical="center" textRotation="255" wrapText="1"/>
    </xf>
    <xf numFmtId="0" fontId="34" fillId="0" borderId="0" xfId="0" applyFont="1" applyFill="1" applyAlignment="1">
      <alignment horizontal="center"/>
    </xf>
    <xf numFmtId="0" fontId="34" fillId="0" borderId="15" xfId="0" applyFont="1" applyFill="1" applyBorder="1" applyAlignment="1">
      <alignment horizontal="center"/>
    </xf>
    <xf numFmtId="0" fontId="9" fillId="0" borderId="2" xfId="0" applyFont="1" applyFill="1" applyBorder="1" applyAlignment="1">
      <alignment horizontal="left" vertical="top" wrapText="1"/>
    </xf>
    <xf numFmtId="0" fontId="34" fillId="0" borderId="0" xfId="0" applyFont="1" applyFill="1" applyAlignment="1">
      <alignment horizontal="center" vertical="center"/>
    </xf>
    <xf numFmtId="0" fontId="34" fillId="0" borderId="15" xfId="0" applyFont="1" applyFill="1" applyBorder="1" applyAlignment="1">
      <alignment horizontal="center" vertical="center"/>
    </xf>
    <xf numFmtId="0" fontId="31" fillId="0" borderId="2" xfId="0" applyFont="1" applyFill="1" applyBorder="1" applyAlignment="1">
      <alignment horizontal="left" shrinkToFit="1"/>
    </xf>
    <xf numFmtId="0" fontId="39" fillId="0" borderId="15" xfId="0" applyFont="1" applyFill="1" applyBorder="1" applyAlignment="1">
      <alignment horizontal="left" wrapText="1"/>
    </xf>
    <xf numFmtId="0" fontId="31" fillId="0" borderId="0" xfId="0" applyFont="1" applyFill="1" applyAlignment="1">
      <alignment horizontal="left" shrinkToFit="1"/>
    </xf>
  </cellXfs>
  <cellStyles count="51">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xfId="33" builtinId="6"/>
    <cellStyle name="桁区切り 2" xfId="34"/>
    <cellStyle name="見出し 1" xfId="35" builtinId="16" customBuiltin="1"/>
    <cellStyle name="見出し 2" xfId="36" builtinId="17" customBuiltin="1"/>
    <cellStyle name="見出し 3" xfId="37" builtinId="18" customBuiltin="1"/>
    <cellStyle name="見出し 4" xfId="38" builtinId="19" customBuiltin="1"/>
    <cellStyle name="集計" xfId="39" builtinId="25" customBuiltin="1"/>
    <cellStyle name="出力" xfId="40" builtinId="21" customBuiltin="1"/>
    <cellStyle name="説明文" xfId="41" builtinId="53" customBuiltin="1"/>
    <cellStyle name="通貨" xfId="42" builtinId="7"/>
    <cellStyle name="入力" xfId="43" builtinId="20" customBuiltin="1"/>
    <cellStyle name="標準" xfId="0" builtinId="0"/>
    <cellStyle name="標準 2" xfId="50"/>
    <cellStyle name="標準 3" xfId="49"/>
    <cellStyle name="標準_H21後期志願変更（全）" xfId="44"/>
    <cellStyle name="標準_H22後期志願枠組み（定）" xfId="45"/>
    <cellStyle name="標準_H22後期枠組み" xfId="46"/>
    <cellStyle name="標準_H22前期枠組み" xfId="47"/>
    <cellStyle name="良い" xfId="48" builtinId="26" customBuiltin="1"/>
  </cellStyles>
  <dxfs count="3">
    <dxf>
      <font>
        <b/>
        <i val="0"/>
        <condense val="0"/>
        <extend val="0"/>
        <color indexed="10"/>
      </font>
      <fill>
        <patternFill patternType="none">
          <bgColor indexed="65"/>
        </patternFill>
      </fill>
    </dxf>
    <dxf>
      <font>
        <condense val="0"/>
        <extend val="0"/>
        <color indexed="8"/>
      </font>
      <fill>
        <patternFill>
          <bgColor indexed="13"/>
        </patternFill>
      </fill>
    </dxf>
    <dxf>
      <font>
        <b/>
        <i val="0"/>
        <condense val="0"/>
        <extend val="0"/>
        <color indexed="10"/>
      </font>
      <fill>
        <patternFill patternType="none">
          <bgColor indexed="65"/>
        </patternFill>
      </fill>
    </dxf>
  </dxfs>
  <tableStyles count="0" defaultTableStyle="TableStyleMedium2" defaultPivotStyle="PivotStyleLight16"/>
  <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12</xdr:col>
      <xdr:colOff>371475</xdr:colOff>
      <xdr:row>0</xdr:row>
      <xdr:rowOff>44450</xdr:rowOff>
    </xdr:from>
    <xdr:ext cx="700433" cy="285750"/>
    <xdr:sp macro="" textlink="">
      <xdr:nvSpPr>
        <xdr:cNvPr id="2" name="テキスト ボックス 1"/>
        <xdr:cNvSpPr txBox="1"/>
      </xdr:nvSpPr>
      <xdr:spPr>
        <a:xfrm>
          <a:off x="6648450" y="44450"/>
          <a:ext cx="700433" cy="285750"/>
        </a:xfrm>
        <a:prstGeom prst="rect">
          <a:avLst/>
        </a:prstGeom>
        <a:no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ctr">
          <a:noAutofit/>
        </a:bodyPr>
        <a:lstStyle/>
        <a:p>
          <a:pPr algn="ctr"/>
          <a:r>
            <a:rPr kumimoji="1" lang="ja-JP" altLang="en-US" sz="1200">
              <a:latin typeface="ＭＳ Ｐ明朝" panose="02020600040205080304" pitchFamily="18" charset="-128"/>
              <a:ea typeface="ＭＳ Ｐ明朝" panose="02020600040205080304" pitchFamily="18" charset="-128"/>
            </a:rPr>
            <a:t>別紙４</a:t>
          </a: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autoPageBreaks="0" fitToPage="1"/>
  </sheetPr>
  <dimension ref="A1:V166"/>
  <sheetViews>
    <sheetView zoomScale="85" zoomScaleNormal="85" workbookViewId="0">
      <selection sqref="A1:L1"/>
    </sheetView>
  </sheetViews>
  <sheetFormatPr defaultColWidth="9" defaultRowHeight="13.5" x14ac:dyDescent="0.15"/>
  <cols>
    <col min="1" max="1" width="1.625" style="2" customWidth="1"/>
    <col min="2" max="2" width="4.125" style="1" customWidth="1"/>
    <col min="3" max="3" width="1.5" style="1" customWidth="1"/>
    <col min="4" max="4" width="18.125" style="2" customWidth="1"/>
    <col min="5" max="5" width="10.375" style="3" bestFit="1" customWidth="1"/>
    <col min="6" max="6" width="9" style="3" customWidth="1"/>
    <col min="7" max="7" width="9" style="4" customWidth="1"/>
    <col min="8" max="8" width="7.125" style="4" bestFit="1" customWidth="1"/>
    <col min="9" max="9" width="5.375" style="4" customWidth="1"/>
    <col min="10" max="10" width="5" style="4" bestFit="1" customWidth="1"/>
    <col min="11" max="11" width="8.875" style="4" bestFit="1" customWidth="1"/>
    <col min="12" max="12" width="9.125" style="4" bestFit="1" customWidth="1"/>
    <col min="13" max="13" width="9.875" style="4" bestFit="1" customWidth="1"/>
    <col min="14" max="14" width="6.125" style="2" customWidth="1"/>
    <col min="15" max="15" width="1.625" style="2" customWidth="1"/>
    <col min="16" max="16384" width="9" style="2"/>
  </cols>
  <sheetData>
    <row r="1" spans="1:14" ht="36.950000000000003" customHeight="1" x14ac:dyDescent="0.15">
      <c r="A1" s="465" t="s">
        <v>447</v>
      </c>
      <c r="B1" s="465"/>
      <c r="C1" s="465"/>
      <c r="D1" s="465"/>
      <c r="E1" s="465"/>
      <c r="F1" s="465"/>
      <c r="G1" s="465"/>
      <c r="H1" s="465"/>
      <c r="I1" s="465"/>
      <c r="J1" s="465"/>
      <c r="K1" s="465"/>
      <c r="L1" s="465"/>
      <c r="M1" s="466"/>
      <c r="N1" s="466"/>
    </row>
    <row r="2" spans="1:14" ht="15" customHeight="1" x14ac:dyDescent="0.15">
      <c r="B2" s="5" t="s">
        <v>379</v>
      </c>
      <c r="C2" s="5"/>
    </row>
    <row r="3" spans="1:14" ht="7.5" customHeight="1" x14ac:dyDescent="0.15">
      <c r="B3" s="6"/>
      <c r="C3" s="6"/>
    </row>
    <row r="4" spans="1:14" x14ac:dyDescent="0.15">
      <c r="B4" s="2" t="s">
        <v>344</v>
      </c>
      <c r="C4" s="2"/>
    </row>
    <row r="5" spans="1:14" ht="7.5" customHeight="1" x14ac:dyDescent="0.15">
      <c r="B5" s="7"/>
      <c r="C5" s="8"/>
      <c r="D5" s="9"/>
      <c r="E5" s="10"/>
      <c r="F5" s="10"/>
      <c r="G5" s="11"/>
      <c r="H5" s="11"/>
      <c r="I5" s="9"/>
      <c r="J5" s="9"/>
      <c r="K5" s="9"/>
      <c r="L5" s="11"/>
      <c r="M5" s="11"/>
      <c r="N5" s="12"/>
    </row>
    <row r="6" spans="1:14" ht="17.25" customHeight="1" x14ac:dyDescent="0.15">
      <c r="B6" s="13" t="s">
        <v>154</v>
      </c>
      <c r="E6" s="14"/>
      <c r="F6" s="15"/>
      <c r="G6" s="16" t="s">
        <v>204</v>
      </c>
      <c r="H6" s="16"/>
      <c r="I6" s="17"/>
      <c r="J6" s="18"/>
      <c r="K6" s="19"/>
      <c r="L6" s="20" t="s">
        <v>134</v>
      </c>
      <c r="M6" s="21"/>
      <c r="N6" s="22"/>
    </row>
    <row r="7" spans="1:14" ht="14.25" customHeight="1" x14ac:dyDescent="0.15">
      <c r="B7" s="13"/>
      <c r="D7" s="2" t="s">
        <v>59</v>
      </c>
      <c r="E7" s="23" t="s">
        <v>58</v>
      </c>
      <c r="F7" s="23" t="s">
        <v>88</v>
      </c>
      <c r="G7" s="447" t="s">
        <v>457</v>
      </c>
      <c r="H7" s="24" t="s">
        <v>367</v>
      </c>
      <c r="I7" s="25" t="s">
        <v>132</v>
      </c>
      <c r="J7" s="26"/>
      <c r="K7" s="26"/>
      <c r="L7" s="27" t="s">
        <v>135</v>
      </c>
      <c r="M7" s="24" t="s">
        <v>208</v>
      </c>
      <c r="N7" s="28" t="s">
        <v>136</v>
      </c>
    </row>
    <row r="8" spans="1:14" ht="14.25" customHeight="1" x14ac:dyDescent="0.15">
      <c r="B8" s="13" t="s">
        <v>155</v>
      </c>
      <c r="D8" s="1"/>
      <c r="E8" s="29"/>
      <c r="F8" s="29" t="s">
        <v>366</v>
      </c>
      <c r="G8" s="30" t="s">
        <v>0</v>
      </c>
      <c r="H8" s="30" t="s">
        <v>205</v>
      </c>
      <c r="I8" s="25" t="s">
        <v>133</v>
      </c>
      <c r="J8" s="31"/>
      <c r="K8" s="32"/>
      <c r="L8" s="24" t="s">
        <v>369</v>
      </c>
      <c r="M8" s="33" t="s">
        <v>368</v>
      </c>
      <c r="N8" s="28"/>
    </row>
    <row r="9" spans="1:14" ht="7.5" customHeight="1" x14ac:dyDescent="0.15">
      <c r="B9" s="34"/>
      <c r="C9" s="35"/>
      <c r="D9" s="36"/>
      <c r="E9" s="37"/>
      <c r="F9" s="37"/>
      <c r="G9" s="38"/>
      <c r="H9" s="39"/>
      <c r="I9" s="40"/>
      <c r="J9" s="36"/>
      <c r="K9" s="41"/>
      <c r="L9" s="38"/>
      <c r="M9" s="39"/>
      <c r="N9" s="42"/>
    </row>
    <row r="10" spans="1:14" ht="7.5" customHeight="1" x14ac:dyDescent="0.15">
      <c r="B10" s="470" t="s">
        <v>253</v>
      </c>
      <c r="C10" s="43"/>
      <c r="D10" s="1"/>
      <c r="E10" s="44"/>
      <c r="F10" s="10"/>
      <c r="G10" s="11"/>
      <c r="H10" s="11"/>
      <c r="I10" s="9"/>
      <c r="J10" s="9"/>
      <c r="K10" s="9"/>
      <c r="L10" s="11"/>
      <c r="M10" s="11"/>
      <c r="N10" s="12"/>
    </row>
    <row r="11" spans="1:14" ht="14.25" customHeight="1" x14ac:dyDescent="0.15">
      <c r="B11" s="471"/>
      <c r="C11" s="45"/>
      <c r="D11" s="46" t="s">
        <v>209</v>
      </c>
      <c r="E11" s="454">
        <v>319</v>
      </c>
      <c r="F11" s="48">
        <v>406</v>
      </c>
      <c r="G11" s="49">
        <v>402</v>
      </c>
      <c r="H11" s="49">
        <v>4</v>
      </c>
      <c r="I11" s="49"/>
      <c r="J11" s="49"/>
      <c r="K11" s="49">
        <v>319</v>
      </c>
      <c r="L11" s="49">
        <v>3</v>
      </c>
      <c r="M11" s="50">
        <v>1.26</v>
      </c>
      <c r="N11" s="51">
        <v>0</v>
      </c>
    </row>
    <row r="12" spans="1:14" ht="14.25" customHeight="1" x14ac:dyDescent="0.15">
      <c r="B12" s="471"/>
      <c r="C12" s="52"/>
      <c r="D12" s="46" t="s">
        <v>194</v>
      </c>
      <c r="E12" s="454">
        <v>359</v>
      </c>
      <c r="F12" s="48">
        <v>746</v>
      </c>
      <c r="G12" s="49">
        <v>742</v>
      </c>
      <c r="H12" s="49">
        <v>4</v>
      </c>
      <c r="I12" s="49"/>
      <c r="J12" s="49"/>
      <c r="K12" s="49">
        <v>361</v>
      </c>
      <c r="L12" s="49">
        <v>33</v>
      </c>
      <c r="M12" s="50">
        <v>1.98</v>
      </c>
      <c r="N12" s="51">
        <v>0</v>
      </c>
    </row>
    <row r="13" spans="1:14" ht="14.25" customHeight="1" x14ac:dyDescent="0.15">
      <c r="B13" s="471"/>
      <c r="C13" s="45"/>
      <c r="D13" s="46" t="s">
        <v>210</v>
      </c>
      <c r="E13" s="454">
        <v>239</v>
      </c>
      <c r="F13" s="48">
        <v>342</v>
      </c>
      <c r="G13" s="49">
        <v>337</v>
      </c>
      <c r="H13" s="49">
        <v>5</v>
      </c>
      <c r="I13" s="49"/>
      <c r="J13" s="49"/>
      <c r="K13" s="49">
        <v>239</v>
      </c>
      <c r="L13" s="49">
        <v>2</v>
      </c>
      <c r="M13" s="50">
        <v>1.42</v>
      </c>
      <c r="N13" s="51">
        <v>0</v>
      </c>
    </row>
    <row r="14" spans="1:14" ht="14.25" customHeight="1" x14ac:dyDescent="0.15">
      <c r="B14" s="471"/>
      <c r="C14" s="52"/>
      <c r="D14" s="46" t="s">
        <v>211</v>
      </c>
      <c r="E14" s="454">
        <v>319</v>
      </c>
      <c r="F14" s="48">
        <v>415</v>
      </c>
      <c r="G14" s="49">
        <v>412</v>
      </c>
      <c r="H14" s="49">
        <v>3</v>
      </c>
      <c r="I14" s="49"/>
      <c r="J14" s="49"/>
      <c r="K14" s="49">
        <v>319</v>
      </c>
      <c r="L14" s="49">
        <v>8</v>
      </c>
      <c r="M14" s="50">
        <v>1.28</v>
      </c>
      <c r="N14" s="51">
        <v>0</v>
      </c>
    </row>
    <row r="15" spans="1:14" ht="14.25" customHeight="1" x14ac:dyDescent="0.15">
      <c r="B15" s="471"/>
      <c r="C15" s="52"/>
      <c r="D15" s="46" t="s">
        <v>212</v>
      </c>
      <c r="E15" s="454">
        <v>399</v>
      </c>
      <c r="F15" s="48">
        <v>475</v>
      </c>
      <c r="G15" s="49">
        <v>471</v>
      </c>
      <c r="H15" s="49">
        <v>4</v>
      </c>
      <c r="I15" s="49"/>
      <c r="J15" s="49"/>
      <c r="K15" s="49">
        <v>399</v>
      </c>
      <c r="L15" s="49">
        <v>1</v>
      </c>
      <c r="M15" s="50">
        <v>1.19</v>
      </c>
      <c r="N15" s="51">
        <v>0</v>
      </c>
    </row>
    <row r="16" spans="1:14" ht="14.25" customHeight="1" x14ac:dyDescent="0.15">
      <c r="B16" s="471"/>
      <c r="C16" s="52"/>
      <c r="D16" s="46" t="s">
        <v>213</v>
      </c>
      <c r="E16" s="454">
        <v>319</v>
      </c>
      <c r="F16" s="48">
        <v>421</v>
      </c>
      <c r="G16" s="49">
        <v>420</v>
      </c>
      <c r="H16" s="49">
        <v>1</v>
      </c>
      <c r="I16" s="49"/>
      <c r="J16" s="49"/>
      <c r="K16" s="49">
        <v>319</v>
      </c>
      <c r="L16" s="49">
        <v>2</v>
      </c>
      <c r="M16" s="50">
        <v>1.31</v>
      </c>
      <c r="N16" s="51">
        <v>0</v>
      </c>
    </row>
    <row r="17" spans="2:14" ht="14.25" customHeight="1" x14ac:dyDescent="0.15">
      <c r="B17" s="471"/>
      <c r="C17" s="52"/>
      <c r="D17" s="46" t="s">
        <v>214</v>
      </c>
      <c r="E17" s="454">
        <v>319</v>
      </c>
      <c r="F17" s="48">
        <v>392</v>
      </c>
      <c r="G17" s="49">
        <v>392</v>
      </c>
      <c r="H17" s="49">
        <v>0</v>
      </c>
      <c r="I17" s="49"/>
      <c r="J17" s="49"/>
      <c r="K17" s="49">
        <v>319</v>
      </c>
      <c r="L17" s="49">
        <v>1</v>
      </c>
      <c r="M17" s="50">
        <v>1.23</v>
      </c>
      <c r="N17" s="51">
        <v>0</v>
      </c>
    </row>
    <row r="18" spans="2:14" ht="14.25" customHeight="1" x14ac:dyDescent="0.15">
      <c r="B18" s="471"/>
      <c r="C18" s="52"/>
      <c r="D18" s="46" t="s">
        <v>75</v>
      </c>
      <c r="E18" s="454">
        <v>239</v>
      </c>
      <c r="F18" s="48">
        <v>270</v>
      </c>
      <c r="G18" s="49">
        <v>269</v>
      </c>
      <c r="H18" s="49">
        <v>1</v>
      </c>
      <c r="I18" s="49"/>
      <c r="J18" s="49"/>
      <c r="K18" s="49">
        <v>239</v>
      </c>
      <c r="L18" s="49">
        <v>0</v>
      </c>
      <c r="M18" s="50">
        <v>1.1299999999999999</v>
      </c>
      <c r="N18" s="51">
        <v>0</v>
      </c>
    </row>
    <row r="19" spans="2:14" ht="14.25" customHeight="1" x14ac:dyDescent="0.15">
      <c r="B19" s="471"/>
      <c r="C19" s="52"/>
      <c r="D19" s="46" t="s">
        <v>53</v>
      </c>
      <c r="E19" s="454">
        <v>399</v>
      </c>
      <c r="F19" s="48">
        <v>471</v>
      </c>
      <c r="G19" s="49">
        <v>470</v>
      </c>
      <c r="H19" s="49">
        <v>1</v>
      </c>
      <c r="I19" s="49"/>
      <c r="J19" s="49"/>
      <c r="K19" s="49">
        <v>399</v>
      </c>
      <c r="L19" s="49">
        <v>8</v>
      </c>
      <c r="M19" s="50">
        <v>1.1599999999999999</v>
      </c>
      <c r="N19" s="51">
        <v>0</v>
      </c>
    </row>
    <row r="20" spans="2:14" ht="14.25" customHeight="1" x14ac:dyDescent="0.15">
      <c r="B20" s="471"/>
      <c r="C20" s="52"/>
      <c r="D20" s="46" t="s">
        <v>215</v>
      </c>
      <c r="E20" s="454">
        <v>359</v>
      </c>
      <c r="F20" s="48">
        <v>500</v>
      </c>
      <c r="G20" s="49">
        <v>497</v>
      </c>
      <c r="H20" s="49">
        <v>3</v>
      </c>
      <c r="I20" s="49"/>
      <c r="J20" s="49"/>
      <c r="K20" s="49">
        <v>359</v>
      </c>
      <c r="L20" s="49">
        <v>3</v>
      </c>
      <c r="M20" s="50">
        <v>1.38</v>
      </c>
      <c r="N20" s="51">
        <v>0</v>
      </c>
    </row>
    <row r="21" spans="2:14" ht="14.25" customHeight="1" x14ac:dyDescent="0.15">
      <c r="B21" s="471"/>
      <c r="C21" s="52"/>
      <c r="D21" s="46" t="s">
        <v>195</v>
      </c>
      <c r="E21" s="454">
        <v>319</v>
      </c>
      <c r="F21" s="48">
        <v>393</v>
      </c>
      <c r="G21" s="49">
        <v>390</v>
      </c>
      <c r="H21" s="49">
        <v>3</v>
      </c>
      <c r="I21" s="49"/>
      <c r="J21" s="49"/>
      <c r="K21" s="49">
        <v>319</v>
      </c>
      <c r="L21" s="49">
        <v>11</v>
      </c>
      <c r="M21" s="50">
        <v>1.2</v>
      </c>
      <c r="N21" s="51">
        <v>0</v>
      </c>
    </row>
    <row r="22" spans="2:14" ht="14.25" customHeight="1" x14ac:dyDescent="0.15">
      <c r="B22" s="471"/>
      <c r="C22" s="52"/>
      <c r="D22" s="46" t="s">
        <v>76</v>
      </c>
      <c r="E22" s="454">
        <v>399</v>
      </c>
      <c r="F22" s="48">
        <v>471</v>
      </c>
      <c r="G22" s="49">
        <v>469</v>
      </c>
      <c r="H22" s="49">
        <v>2</v>
      </c>
      <c r="I22" s="49"/>
      <c r="J22" s="49"/>
      <c r="K22" s="49">
        <v>399</v>
      </c>
      <c r="L22" s="49">
        <v>2</v>
      </c>
      <c r="M22" s="50">
        <v>1.18</v>
      </c>
      <c r="N22" s="51">
        <v>0</v>
      </c>
    </row>
    <row r="23" spans="2:14" ht="14.25" customHeight="1" x14ac:dyDescent="0.15">
      <c r="B23" s="471"/>
      <c r="C23" s="52"/>
      <c r="D23" s="46" t="s">
        <v>216</v>
      </c>
      <c r="E23" s="454">
        <v>352</v>
      </c>
      <c r="F23" s="48">
        <v>438</v>
      </c>
      <c r="G23" s="49">
        <v>431</v>
      </c>
      <c r="H23" s="49">
        <v>7</v>
      </c>
      <c r="I23" s="49"/>
      <c r="J23" s="49"/>
      <c r="K23" s="49">
        <v>352</v>
      </c>
      <c r="L23" s="49">
        <v>3</v>
      </c>
      <c r="M23" s="50">
        <v>1.24</v>
      </c>
      <c r="N23" s="51">
        <v>0</v>
      </c>
    </row>
    <row r="24" spans="2:14" ht="7.5" customHeight="1" x14ac:dyDescent="0.15">
      <c r="B24" s="472"/>
      <c r="C24" s="53"/>
      <c r="D24" s="54"/>
      <c r="E24" s="440"/>
      <c r="F24" s="56"/>
      <c r="G24" s="57"/>
      <c r="H24" s="57"/>
      <c r="I24" s="54"/>
      <c r="J24" s="54"/>
      <c r="K24" s="54"/>
      <c r="L24" s="54"/>
      <c r="M24" s="58"/>
      <c r="N24" s="59"/>
    </row>
    <row r="25" spans="2:14" ht="7.5" customHeight="1" x14ac:dyDescent="0.15">
      <c r="B25" s="473" t="s">
        <v>254</v>
      </c>
      <c r="C25" s="60"/>
      <c r="D25" s="61"/>
      <c r="E25" s="441"/>
      <c r="F25" s="62"/>
      <c r="G25" s="18"/>
      <c r="H25" s="18"/>
      <c r="I25" s="61"/>
      <c r="J25" s="61"/>
      <c r="K25" s="61"/>
      <c r="L25" s="61"/>
      <c r="M25" s="63"/>
      <c r="N25" s="64"/>
    </row>
    <row r="26" spans="2:14" ht="14.25" customHeight="1" x14ac:dyDescent="0.15">
      <c r="B26" s="471"/>
      <c r="C26" s="65"/>
      <c r="D26" s="46" t="s">
        <v>54</v>
      </c>
      <c r="E26" s="454">
        <v>359</v>
      </c>
      <c r="F26" s="48">
        <v>480</v>
      </c>
      <c r="G26" s="49">
        <v>478</v>
      </c>
      <c r="H26" s="49">
        <v>2</v>
      </c>
      <c r="I26" s="49"/>
      <c r="J26" s="49"/>
      <c r="K26" s="49">
        <v>359</v>
      </c>
      <c r="L26" s="49">
        <v>5</v>
      </c>
      <c r="M26" s="50">
        <v>1.32</v>
      </c>
      <c r="N26" s="51">
        <v>0</v>
      </c>
    </row>
    <row r="27" spans="2:14" ht="14.25" customHeight="1" x14ac:dyDescent="0.15">
      <c r="B27" s="471"/>
      <c r="C27" s="65"/>
      <c r="D27" s="46" t="s">
        <v>217</v>
      </c>
      <c r="E27" s="454">
        <v>319</v>
      </c>
      <c r="F27" s="48">
        <v>390</v>
      </c>
      <c r="G27" s="49">
        <v>389</v>
      </c>
      <c r="H27" s="49">
        <v>1</v>
      </c>
      <c r="I27" s="49"/>
      <c r="J27" s="49"/>
      <c r="K27" s="49">
        <v>319</v>
      </c>
      <c r="L27" s="49">
        <v>1</v>
      </c>
      <c r="M27" s="50">
        <v>1.22</v>
      </c>
      <c r="N27" s="51">
        <v>0</v>
      </c>
    </row>
    <row r="28" spans="2:14" ht="14.25" customHeight="1" x14ac:dyDescent="0.15">
      <c r="B28" s="471"/>
      <c r="C28" s="65"/>
      <c r="D28" s="46" t="s">
        <v>218</v>
      </c>
      <c r="E28" s="454">
        <v>319</v>
      </c>
      <c r="F28" s="48">
        <v>363</v>
      </c>
      <c r="G28" s="49">
        <v>363</v>
      </c>
      <c r="H28" s="49">
        <v>0</v>
      </c>
      <c r="I28" s="49"/>
      <c r="J28" s="49"/>
      <c r="K28" s="49">
        <v>319</v>
      </c>
      <c r="L28" s="49">
        <v>2</v>
      </c>
      <c r="M28" s="50">
        <v>1.1299999999999999</v>
      </c>
      <c r="N28" s="51">
        <v>0</v>
      </c>
    </row>
    <row r="29" spans="2:14" ht="14.25" customHeight="1" x14ac:dyDescent="0.15">
      <c r="B29" s="471"/>
      <c r="C29" s="65"/>
      <c r="D29" s="430" t="s">
        <v>437</v>
      </c>
      <c r="E29" s="454">
        <v>319</v>
      </c>
      <c r="F29" s="48">
        <v>362</v>
      </c>
      <c r="G29" s="49">
        <v>361</v>
      </c>
      <c r="H29" s="49">
        <v>1</v>
      </c>
      <c r="I29" s="49"/>
      <c r="J29" s="49"/>
      <c r="K29" s="49">
        <v>319</v>
      </c>
      <c r="L29" s="49">
        <v>2</v>
      </c>
      <c r="M29" s="50">
        <v>1.1299999999999999</v>
      </c>
      <c r="N29" s="51">
        <v>0</v>
      </c>
    </row>
    <row r="30" spans="2:14" ht="14.25" customHeight="1" x14ac:dyDescent="0.15">
      <c r="B30" s="471"/>
      <c r="C30" s="65"/>
      <c r="D30" s="46" t="s">
        <v>219</v>
      </c>
      <c r="E30" s="454">
        <v>319</v>
      </c>
      <c r="F30" s="48">
        <v>429</v>
      </c>
      <c r="G30" s="49">
        <v>429</v>
      </c>
      <c r="H30" s="49">
        <v>0</v>
      </c>
      <c r="I30" s="49"/>
      <c r="J30" s="49"/>
      <c r="K30" s="49">
        <v>319</v>
      </c>
      <c r="L30" s="49">
        <v>7</v>
      </c>
      <c r="M30" s="50">
        <v>1.32</v>
      </c>
      <c r="N30" s="51">
        <v>0</v>
      </c>
    </row>
    <row r="31" spans="2:14" ht="14.25" customHeight="1" x14ac:dyDescent="0.15">
      <c r="B31" s="471"/>
      <c r="C31" s="65"/>
      <c r="D31" s="46" t="s">
        <v>196</v>
      </c>
      <c r="E31" s="454">
        <v>279</v>
      </c>
      <c r="F31" s="48">
        <v>359</v>
      </c>
      <c r="G31" s="49">
        <v>358</v>
      </c>
      <c r="H31" s="49">
        <v>1</v>
      </c>
      <c r="I31" s="49"/>
      <c r="J31" s="49"/>
      <c r="K31" s="49">
        <v>279</v>
      </c>
      <c r="L31" s="49">
        <v>5</v>
      </c>
      <c r="M31" s="50">
        <v>1.27</v>
      </c>
      <c r="N31" s="51">
        <v>0</v>
      </c>
    </row>
    <row r="32" spans="2:14" ht="14.25" customHeight="1" x14ac:dyDescent="0.15">
      <c r="B32" s="471"/>
      <c r="C32" s="65"/>
      <c r="D32" s="46" t="s">
        <v>55</v>
      </c>
      <c r="E32" s="454">
        <v>239</v>
      </c>
      <c r="F32" s="48">
        <v>313</v>
      </c>
      <c r="G32" s="49">
        <v>310</v>
      </c>
      <c r="H32" s="49">
        <v>3</v>
      </c>
      <c r="I32" s="49"/>
      <c r="J32" s="49"/>
      <c r="K32" s="49">
        <v>239</v>
      </c>
      <c r="L32" s="49">
        <v>1</v>
      </c>
      <c r="M32" s="50">
        <v>1.31</v>
      </c>
      <c r="N32" s="51">
        <v>0</v>
      </c>
    </row>
    <row r="33" spans="2:14" ht="14.25" customHeight="1" x14ac:dyDescent="0.15">
      <c r="B33" s="471"/>
      <c r="C33" s="65"/>
      <c r="D33" s="46" t="s">
        <v>220</v>
      </c>
      <c r="E33" s="454">
        <v>319</v>
      </c>
      <c r="F33" s="48">
        <v>354</v>
      </c>
      <c r="G33" s="49">
        <v>351</v>
      </c>
      <c r="H33" s="49">
        <v>3</v>
      </c>
      <c r="I33" s="49"/>
      <c r="J33" s="49"/>
      <c r="K33" s="49">
        <v>319</v>
      </c>
      <c r="L33" s="49">
        <v>1</v>
      </c>
      <c r="M33" s="50">
        <v>1.1100000000000001</v>
      </c>
      <c r="N33" s="51">
        <v>0</v>
      </c>
    </row>
    <row r="34" spans="2:14" ht="14.25" customHeight="1" x14ac:dyDescent="0.15">
      <c r="B34" s="471"/>
      <c r="C34" s="65"/>
      <c r="D34" s="46" t="s">
        <v>77</v>
      </c>
      <c r="E34" s="454">
        <v>239</v>
      </c>
      <c r="F34" s="48">
        <v>267</v>
      </c>
      <c r="G34" s="49">
        <v>267</v>
      </c>
      <c r="H34" s="49">
        <v>0</v>
      </c>
      <c r="I34" s="49"/>
      <c r="J34" s="49"/>
      <c r="K34" s="49">
        <v>239</v>
      </c>
      <c r="L34" s="49">
        <v>0</v>
      </c>
      <c r="M34" s="50">
        <v>1.1200000000000001</v>
      </c>
      <c r="N34" s="51">
        <v>0</v>
      </c>
    </row>
    <row r="35" spans="2:14" ht="14.25" customHeight="1" x14ac:dyDescent="0.15">
      <c r="B35" s="471"/>
      <c r="C35" s="65"/>
      <c r="D35" s="46" t="s">
        <v>221</v>
      </c>
      <c r="E35" s="454">
        <v>319</v>
      </c>
      <c r="F35" s="48">
        <v>366</v>
      </c>
      <c r="G35" s="49">
        <v>365</v>
      </c>
      <c r="H35" s="49">
        <v>1</v>
      </c>
      <c r="I35" s="49"/>
      <c r="J35" s="49"/>
      <c r="K35" s="49">
        <v>319</v>
      </c>
      <c r="L35" s="49">
        <v>5</v>
      </c>
      <c r="M35" s="50">
        <v>1.1299999999999999</v>
      </c>
      <c r="N35" s="51">
        <v>0</v>
      </c>
    </row>
    <row r="36" spans="2:14" ht="7.5" customHeight="1" x14ac:dyDescent="0.15">
      <c r="B36" s="472"/>
      <c r="C36" s="53"/>
      <c r="D36" s="54"/>
      <c r="E36" s="440"/>
      <c r="F36" s="56"/>
      <c r="G36" s="57"/>
      <c r="H36" s="57"/>
      <c r="I36" s="54"/>
      <c r="J36" s="54"/>
      <c r="K36" s="54"/>
      <c r="L36" s="54"/>
      <c r="M36" s="58"/>
      <c r="N36" s="59"/>
    </row>
    <row r="37" spans="2:14" ht="7.5" customHeight="1" x14ac:dyDescent="0.15">
      <c r="B37" s="471" t="s">
        <v>255</v>
      </c>
      <c r="C37" s="60"/>
      <c r="D37" s="61"/>
      <c r="E37" s="441"/>
      <c r="F37" s="62"/>
      <c r="G37" s="18"/>
      <c r="H37" s="18"/>
      <c r="I37" s="61"/>
      <c r="J37" s="61"/>
      <c r="K37" s="61"/>
      <c r="L37" s="61"/>
      <c r="M37" s="63"/>
      <c r="N37" s="64"/>
    </row>
    <row r="38" spans="2:14" ht="14.25" customHeight="1" x14ac:dyDescent="0.15">
      <c r="B38" s="471"/>
      <c r="C38" s="65"/>
      <c r="D38" s="46" t="s">
        <v>78</v>
      </c>
      <c r="E38" s="454">
        <v>239</v>
      </c>
      <c r="F38" s="48">
        <v>380</v>
      </c>
      <c r="G38" s="49">
        <v>377</v>
      </c>
      <c r="H38" s="49">
        <v>3</v>
      </c>
      <c r="I38" s="49"/>
      <c r="J38" s="49"/>
      <c r="K38" s="49">
        <v>239</v>
      </c>
      <c r="L38" s="49">
        <v>2</v>
      </c>
      <c r="M38" s="50">
        <v>1.58</v>
      </c>
      <c r="N38" s="51">
        <v>0</v>
      </c>
    </row>
    <row r="39" spans="2:14" ht="14.25" customHeight="1" x14ac:dyDescent="0.15">
      <c r="B39" s="471"/>
      <c r="C39" s="65"/>
      <c r="D39" s="46" t="s">
        <v>222</v>
      </c>
      <c r="E39" s="454">
        <v>199</v>
      </c>
      <c r="F39" s="48">
        <v>91</v>
      </c>
      <c r="G39" s="49">
        <v>90</v>
      </c>
      <c r="H39" s="49">
        <v>1</v>
      </c>
      <c r="I39" s="49"/>
      <c r="J39" s="49"/>
      <c r="K39" s="49">
        <v>91</v>
      </c>
      <c r="L39" s="49">
        <v>0</v>
      </c>
      <c r="M39" s="50">
        <v>1</v>
      </c>
      <c r="N39" s="51">
        <v>108</v>
      </c>
    </row>
    <row r="40" spans="2:14" ht="14.25" customHeight="1" x14ac:dyDescent="0.15">
      <c r="B40" s="471"/>
      <c r="C40" s="65"/>
      <c r="D40" s="46" t="s">
        <v>199</v>
      </c>
      <c r="E40" s="454">
        <v>319</v>
      </c>
      <c r="F40" s="48">
        <v>438</v>
      </c>
      <c r="G40" s="49">
        <v>436</v>
      </c>
      <c r="H40" s="49">
        <v>2</v>
      </c>
      <c r="I40" s="49"/>
      <c r="J40" s="49"/>
      <c r="K40" s="49">
        <v>319</v>
      </c>
      <c r="L40" s="49">
        <v>10</v>
      </c>
      <c r="M40" s="50">
        <v>1.34</v>
      </c>
      <c r="N40" s="51">
        <v>0</v>
      </c>
    </row>
    <row r="41" spans="2:14" ht="14.25" customHeight="1" x14ac:dyDescent="0.15">
      <c r="B41" s="471"/>
      <c r="C41" s="65"/>
      <c r="D41" s="46" t="s">
        <v>56</v>
      </c>
      <c r="E41" s="454">
        <v>279</v>
      </c>
      <c r="F41" s="48">
        <v>441</v>
      </c>
      <c r="G41" s="49">
        <v>440</v>
      </c>
      <c r="H41" s="49">
        <v>1</v>
      </c>
      <c r="I41" s="49"/>
      <c r="J41" s="49"/>
      <c r="K41" s="49">
        <v>279</v>
      </c>
      <c r="L41" s="49">
        <v>4</v>
      </c>
      <c r="M41" s="50">
        <v>1.57</v>
      </c>
      <c r="N41" s="51">
        <v>0</v>
      </c>
    </row>
    <row r="42" spans="2:14" ht="14.25" customHeight="1" x14ac:dyDescent="0.15">
      <c r="B42" s="471"/>
      <c r="C42" s="65"/>
      <c r="D42" s="46" t="s">
        <v>223</v>
      </c>
      <c r="E42" s="454">
        <v>239</v>
      </c>
      <c r="F42" s="48">
        <v>351</v>
      </c>
      <c r="G42" s="49">
        <v>350</v>
      </c>
      <c r="H42" s="49">
        <v>1</v>
      </c>
      <c r="I42" s="49"/>
      <c r="J42" s="49"/>
      <c r="K42" s="49">
        <v>239</v>
      </c>
      <c r="L42" s="49">
        <v>3</v>
      </c>
      <c r="M42" s="50">
        <v>1.46</v>
      </c>
      <c r="N42" s="51">
        <v>0</v>
      </c>
    </row>
    <row r="43" spans="2:14" ht="14.25" customHeight="1" x14ac:dyDescent="0.15">
      <c r="B43" s="471"/>
      <c r="C43" s="65"/>
      <c r="D43" s="46" t="s">
        <v>390</v>
      </c>
      <c r="E43" s="454">
        <v>359</v>
      </c>
      <c r="F43" s="48">
        <v>426</v>
      </c>
      <c r="G43" s="49">
        <v>424</v>
      </c>
      <c r="H43" s="49">
        <v>2</v>
      </c>
      <c r="I43" s="49"/>
      <c r="J43" s="49"/>
      <c r="K43" s="49">
        <v>359</v>
      </c>
      <c r="L43" s="49">
        <v>3</v>
      </c>
      <c r="M43" s="50">
        <v>1.18</v>
      </c>
      <c r="N43" s="51">
        <v>0</v>
      </c>
    </row>
    <row r="44" spans="2:14" ht="7.5" customHeight="1" x14ac:dyDescent="0.15">
      <c r="B44" s="471"/>
      <c r="C44" s="53"/>
      <c r="D44" s="54"/>
      <c r="E44" s="440"/>
      <c r="F44" s="56"/>
      <c r="G44" s="57"/>
      <c r="H44" s="57"/>
      <c r="I44" s="54"/>
      <c r="J44" s="54"/>
      <c r="K44" s="54"/>
      <c r="L44" s="54"/>
      <c r="M44" s="58"/>
      <c r="N44" s="59"/>
    </row>
    <row r="45" spans="2:14" ht="7.5" customHeight="1" x14ac:dyDescent="0.15">
      <c r="B45" s="478" t="s">
        <v>384</v>
      </c>
      <c r="C45" s="60"/>
      <c r="D45" s="61"/>
      <c r="E45" s="441"/>
      <c r="F45" s="62"/>
      <c r="G45" s="18"/>
      <c r="H45" s="18"/>
      <c r="I45" s="61"/>
      <c r="J45" s="61"/>
      <c r="K45" s="61"/>
      <c r="L45" s="61"/>
      <c r="M45" s="63"/>
      <c r="N45" s="64"/>
    </row>
    <row r="46" spans="2:14" ht="14.25" customHeight="1" x14ac:dyDescent="0.15">
      <c r="B46" s="468"/>
      <c r="C46" s="65"/>
      <c r="D46" s="46" t="s">
        <v>159</v>
      </c>
      <c r="E46" s="454">
        <v>269</v>
      </c>
      <c r="F46" s="48">
        <v>375</v>
      </c>
      <c r="G46" s="49">
        <v>372</v>
      </c>
      <c r="H46" s="49">
        <v>3</v>
      </c>
      <c r="I46" s="49"/>
      <c r="J46" s="49"/>
      <c r="K46" s="49">
        <v>269</v>
      </c>
      <c r="L46" s="49">
        <v>4</v>
      </c>
      <c r="M46" s="50">
        <v>1.38</v>
      </c>
      <c r="N46" s="51">
        <v>0</v>
      </c>
    </row>
    <row r="47" spans="2:14" ht="14.25" customHeight="1" x14ac:dyDescent="0.15">
      <c r="B47" s="468"/>
      <c r="C47" s="65"/>
      <c r="D47" s="46" t="s">
        <v>224</v>
      </c>
      <c r="E47" s="454">
        <v>359</v>
      </c>
      <c r="F47" s="48">
        <v>459</v>
      </c>
      <c r="G47" s="49">
        <v>457</v>
      </c>
      <c r="H47" s="49">
        <v>2</v>
      </c>
      <c r="I47" s="49"/>
      <c r="J47" s="49"/>
      <c r="K47" s="49">
        <v>359</v>
      </c>
      <c r="L47" s="49">
        <v>3</v>
      </c>
      <c r="M47" s="50">
        <v>1.27</v>
      </c>
      <c r="N47" s="51">
        <v>0</v>
      </c>
    </row>
    <row r="48" spans="2:14" ht="14.25" customHeight="1" x14ac:dyDescent="0.15">
      <c r="B48" s="468"/>
      <c r="C48" s="65"/>
      <c r="D48" s="66" t="s">
        <v>225</v>
      </c>
      <c r="E48" s="454">
        <v>279</v>
      </c>
      <c r="F48" s="48">
        <v>321</v>
      </c>
      <c r="G48" s="49">
        <v>320</v>
      </c>
      <c r="H48" s="49">
        <v>1</v>
      </c>
      <c r="I48" s="49"/>
      <c r="J48" s="49"/>
      <c r="K48" s="49">
        <v>279</v>
      </c>
      <c r="L48" s="49">
        <v>3</v>
      </c>
      <c r="M48" s="50">
        <v>1.1399999999999999</v>
      </c>
      <c r="N48" s="51">
        <v>0</v>
      </c>
    </row>
    <row r="49" spans="2:15" ht="14.25" customHeight="1" x14ac:dyDescent="0.15">
      <c r="B49" s="468"/>
      <c r="C49" s="65"/>
      <c r="D49" s="66" t="s">
        <v>200</v>
      </c>
      <c r="E49" s="454">
        <v>279</v>
      </c>
      <c r="F49" s="48">
        <v>444</v>
      </c>
      <c r="G49" s="49">
        <v>444</v>
      </c>
      <c r="H49" s="49">
        <v>0</v>
      </c>
      <c r="I49" s="49"/>
      <c r="J49" s="49"/>
      <c r="K49" s="49">
        <v>279</v>
      </c>
      <c r="L49" s="49">
        <v>13</v>
      </c>
      <c r="M49" s="50">
        <v>1.54</v>
      </c>
      <c r="N49" s="51">
        <v>0</v>
      </c>
    </row>
    <row r="50" spans="2:15" ht="14.25" customHeight="1" x14ac:dyDescent="0.15">
      <c r="B50" s="468"/>
      <c r="C50" s="65"/>
      <c r="D50" s="46" t="s">
        <v>79</v>
      </c>
      <c r="E50" s="454">
        <v>359</v>
      </c>
      <c r="F50" s="48">
        <v>464</v>
      </c>
      <c r="G50" s="49">
        <v>462</v>
      </c>
      <c r="H50" s="49">
        <v>2</v>
      </c>
      <c r="I50" s="49"/>
      <c r="J50" s="49"/>
      <c r="K50" s="49">
        <v>359</v>
      </c>
      <c r="L50" s="49">
        <v>2</v>
      </c>
      <c r="M50" s="50">
        <v>1.29</v>
      </c>
      <c r="N50" s="51">
        <v>0</v>
      </c>
    </row>
    <row r="51" spans="2:15" ht="14.25" customHeight="1" x14ac:dyDescent="0.15">
      <c r="B51" s="468"/>
      <c r="C51" s="65"/>
      <c r="D51" s="46" t="s">
        <v>226</v>
      </c>
      <c r="E51" s="454">
        <v>359</v>
      </c>
      <c r="F51" s="48">
        <v>390</v>
      </c>
      <c r="G51" s="49">
        <v>386</v>
      </c>
      <c r="H51" s="49">
        <v>4</v>
      </c>
      <c r="I51" s="49"/>
      <c r="J51" s="49"/>
      <c r="K51" s="49">
        <v>359</v>
      </c>
      <c r="L51" s="49">
        <v>0</v>
      </c>
      <c r="M51" s="50">
        <v>1.0900000000000001</v>
      </c>
      <c r="N51" s="51">
        <v>0</v>
      </c>
    </row>
    <row r="52" spans="2:15" ht="14.25" customHeight="1" x14ac:dyDescent="0.15">
      <c r="B52" s="468"/>
      <c r="C52" s="65"/>
      <c r="D52" s="46" t="s">
        <v>227</v>
      </c>
      <c r="E52" s="454">
        <v>319</v>
      </c>
      <c r="F52" s="48">
        <v>380</v>
      </c>
      <c r="G52" s="49">
        <v>378</v>
      </c>
      <c r="H52" s="49">
        <v>2</v>
      </c>
      <c r="I52" s="49"/>
      <c r="J52" s="49"/>
      <c r="K52" s="49">
        <v>319</v>
      </c>
      <c r="L52" s="49">
        <v>1</v>
      </c>
      <c r="M52" s="50">
        <v>1.19</v>
      </c>
      <c r="N52" s="51">
        <v>0</v>
      </c>
    </row>
    <row r="53" spans="2:15" ht="14.25" customHeight="1" x14ac:dyDescent="0.15">
      <c r="B53" s="468"/>
      <c r="C53" s="65"/>
      <c r="D53" s="46" t="s">
        <v>228</v>
      </c>
      <c r="E53" s="454">
        <v>279</v>
      </c>
      <c r="F53" s="48">
        <v>302</v>
      </c>
      <c r="G53" s="49">
        <v>301</v>
      </c>
      <c r="H53" s="49">
        <v>1</v>
      </c>
      <c r="I53" s="49"/>
      <c r="J53" s="49"/>
      <c r="K53" s="49">
        <v>279</v>
      </c>
      <c r="L53" s="49">
        <v>0</v>
      </c>
      <c r="M53" s="50">
        <v>1.08</v>
      </c>
      <c r="N53" s="51">
        <v>0</v>
      </c>
    </row>
    <row r="54" spans="2:15" ht="14.25" customHeight="1" x14ac:dyDescent="0.15">
      <c r="B54" s="468"/>
      <c r="C54" s="65"/>
      <c r="D54" s="46" t="s">
        <v>229</v>
      </c>
      <c r="E54" s="454">
        <v>319</v>
      </c>
      <c r="F54" s="48">
        <v>340</v>
      </c>
      <c r="G54" s="49">
        <v>338</v>
      </c>
      <c r="H54" s="49">
        <v>2</v>
      </c>
      <c r="I54" s="49"/>
      <c r="J54" s="49"/>
      <c r="K54" s="49">
        <v>319</v>
      </c>
      <c r="L54" s="49">
        <v>1</v>
      </c>
      <c r="M54" s="50">
        <v>1.06</v>
      </c>
      <c r="N54" s="51">
        <v>0</v>
      </c>
    </row>
    <row r="55" spans="2:15" ht="7.5" customHeight="1" x14ac:dyDescent="0.15">
      <c r="B55" s="479"/>
      <c r="C55" s="35"/>
      <c r="D55" s="36"/>
      <c r="E55" s="67"/>
      <c r="F55" s="68"/>
      <c r="G55" s="69"/>
      <c r="H55" s="69"/>
      <c r="I55" s="36"/>
      <c r="J55" s="36"/>
      <c r="K55" s="36"/>
      <c r="L55" s="36"/>
      <c r="M55" s="70"/>
      <c r="N55" s="71"/>
      <c r="O55" s="72"/>
    </row>
    <row r="56" spans="2:15" ht="7.5" customHeight="1" x14ac:dyDescent="0.15">
      <c r="B56" s="467" t="s">
        <v>265</v>
      </c>
      <c r="C56" s="73"/>
      <c r="D56" s="9"/>
      <c r="E56" s="44"/>
      <c r="F56" s="10"/>
      <c r="G56" s="11"/>
      <c r="H56" s="11"/>
      <c r="I56" s="9"/>
      <c r="J56" s="9"/>
      <c r="K56" s="9"/>
      <c r="L56" s="9"/>
      <c r="M56" s="74"/>
      <c r="N56" s="75"/>
    </row>
    <row r="57" spans="2:15" ht="14.25" customHeight="1" x14ac:dyDescent="0.15">
      <c r="B57" s="468"/>
      <c r="C57" s="65"/>
      <c r="D57" s="46" t="s">
        <v>66</v>
      </c>
      <c r="E57" s="454">
        <v>279</v>
      </c>
      <c r="F57" s="48">
        <v>399</v>
      </c>
      <c r="G57" s="49">
        <v>397</v>
      </c>
      <c r="H57" s="49">
        <v>2</v>
      </c>
      <c r="I57" s="49"/>
      <c r="J57" s="49"/>
      <c r="K57" s="49">
        <v>279</v>
      </c>
      <c r="L57" s="49">
        <v>7</v>
      </c>
      <c r="M57" s="50">
        <v>1.41</v>
      </c>
      <c r="N57" s="51">
        <v>0</v>
      </c>
    </row>
    <row r="58" spans="2:15" ht="14.25" customHeight="1" x14ac:dyDescent="0.15">
      <c r="B58" s="468"/>
      <c r="C58" s="65"/>
      <c r="D58" s="46" t="s">
        <v>230</v>
      </c>
      <c r="E58" s="454">
        <v>279</v>
      </c>
      <c r="F58" s="48">
        <v>328</v>
      </c>
      <c r="G58" s="49">
        <v>327</v>
      </c>
      <c r="H58" s="49">
        <v>1</v>
      </c>
      <c r="I58" s="49"/>
      <c r="J58" s="49"/>
      <c r="K58" s="49">
        <v>279</v>
      </c>
      <c r="L58" s="49">
        <v>1</v>
      </c>
      <c r="M58" s="50">
        <v>1.17</v>
      </c>
      <c r="N58" s="51">
        <v>0</v>
      </c>
    </row>
    <row r="59" spans="2:15" ht="14.25" customHeight="1" x14ac:dyDescent="0.15">
      <c r="B59" s="468"/>
      <c r="C59" s="65"/>
      <c r="D59" s="46" t="s">
        <v>231</v>
      </c>
      <c r="E59" s="454">
        <v>279</v>
      </c>
      <c r="F59" s="48">
        <v>341</v>
      </c>
      <c r="G59" s="49">
        <v>341</v>
      </c>
      <c r="H59" s="49">
        <v>0</v>
      </c>
      <c r="I59" s="49"/>
      <c r="J59" s="49"/>
      <c r="K59" s="49">
        <v>279</v>
      </c>
      <c r="L59" s="49">
        <v>0</v>
      </c>
      <c r="M59" s="50">
        <v>1.22</v>
      </c>
      <c r="N59" s="51">
        <v>0</v>
      </c>
    </row>
    <row r="60" spans="2:15" ht="14.25" customHeight="1" x14ac:dyDescent="0.15">
      <c r="B60" s="468"/>
      <c r="C60" s="65"/>
      <c r="D60" s="46" t="s">
        <v>232</v>
      </c>
      <c r="E60" s="454">
        <v>239</v>
      </c>
      <c r="F60" s="48">
        <v>268</v>
      </c>
      <c r="G60" s="49">
        <v>267</v>
      </c>
      <c r="H60" s="49">
        <v>1</v>
      </c>
      <c r="I60" s="49"/>
      <c r="J60" s="49"/>
      <c r="K60" s="49">
        <v>239</v>
      </c>
      <c r="L60" s="49">
        <v>0</v>
      </c>
      <c r="M60" s="50">
        <v>1.1200000000000001</v>
      </c>
      <c r="N60" s="51">
        <v>0</v>
      </c>
    </row>
    <row r="61" spans="2:15" ht="14.25" customHeight="1" x14ac:dyDescent="0.15">
      <c r="B61" s="468"/>
      <c r="C61" s="65"/>
      <c r="D61" s="430" t="s">
        <v>438</v>
      </c>
      <c r="E61" s="454">
        <v>319</v>
      </c>
      <c r="F61" s="48">
        <v>413</v>
      </c>
      <c r="G61" s="49">
        <v>412</v>
      </c>
      <c r="H61" s="49">
        <v>1</v>
      </c>
      <c r="I61" s="49"/>
      <c r="J61" s="49"/>
      <c r="K61" s="49">
        <v>319</v>
      </c>
      <c r="L61" s="49">
        <v>0</v>
      </c>
      <c r="M61" s="50">
        <v>1.29</v>
      </c>
      <c r="N61" s="51">
        <v>0</v>
      </c>
    </row>
    <row r="62" spans="2:15" ht="7.5" customHeight="1" x14ac:dyDescent="0.15">
      <c r="B62" s="469"/>
      <c r="C62" s="53"/>
      <c r="D62" s="54"/>
      <c r="E62" s="440"/>
      <c r="F62" s="56"/>
      <c r="G62" s="54"/>
      <c r="H62" s="54"/>
      <c r="I62" s="54"/>
      <c r="J62" s="54"/>
      <c r="K62" s="54"/>
      <c r="L62" s="54"/>
      <c r="M62" s="76"/>
      <c r="N62" s="59"/>
    </row>
    <row r="63" spans="2:15" ht="7.5" customHeight="1" x14ac:dyDescent="0.15">
      <c r="B63" s="478" t="s">
        <v>266</v>
      </c>
      <c r="C63" s="60"/>
      <c r="D63" s="61"/>
      <c r="E63" s="441"/>
      <c r="F63" s="62"/>
      <c r="G63" s="61"/>
      <c r="H63" s="61"/>
      <c r="I63" s="61"/>
      <c r="J63" s="61"/>
      <c r="K63" s="61"/>
      <c r="L63" s="61"/>
      <c r="M63" s="77"/>
      <c r="N63" s="64"/>
    </row>
    <row r="64" spans="2:15" ht="14.25" customHeight="1" x14ac:dyDescent="0.15">
      <c r="B64" s="468"/>
      <c r="C64" s="65"/>
      <c r="D64" s="46" t="s">
        <v>233</v>
      </c>
      <c r="E64" s="454">
        <v>319</v>
      </c>
      <c r="F64" s="48">
        <v>481</v>
      </c>
      <c r="G64" s="49">
        <v>480</v>
      </c>
      <c r="H64" s="49">
        <v>1</v>
      </c>
      <c r="I64" s="49"/>
      <c r="J64" s="49"/>
      <c r="K64" s="49">
        <v>319</v>
      </c>
      <c r="L64" s="49">
        <v>2</v>
      </c>
      <c r="M64" s="50">
        <v>1.5</v>
      </c>
      <c r="N64" s="51">
        <v>0</v>
      </c>
    </row>
    <row r="65" spans="2:14" ht="14.25" customHeight="1" x14ac:dyDescent="0.15">
      <c r="B65" s="468"/>
      <c r="C65" s="65"/>
      <c r="D65" s="46" t="s">
        <v>234</v>
      </c>
      <c r="E65" s="454">
        <v>359</v>
      </c>
      <c r="F65" s="48">
        <v>517</v>
      </c>
      <c r="G65" s="49">
        <v>511</v>
      </c>
      <c r="H65" s="49">
        <v>6</v>
      </c>
      <c r="I65" s="49"/>
      <c r="J65" s="49"/>
      <c r="K65" s="49">
        <v>359</v>
      </c>
      <c r="L65" s="49">
        <v>0</v>
      </c>
      <c r="M65" s="50">
        <v>1.44</v>
      </c>
      <c r="N65" s="51">
        <v>0</v>
      </c>
    </row>
    <row r="66" spans="2:14" ht="14.25" customHeight="1" x14ac:dyDescent="0.15">
      <c r="B66" s="468"/>
      <c r="C66" s="65"/>
      <c r="D66" s="46" t="s">
        <v>235</v>
      </c>
      <c r="E66" s="454">
        <v>399</v>
      </c>
      <c r="F66" s="48">
        <v>487</v>
      </c>
      <c r="G66" s="49">
        <v>481</v>
      </c>
      <c r="H66" s="49">
        <v>6</v>
      </c>
      <c r="I66" s="49"/>
      <c r="J66" s="49"/>
      <c r="K66" s="49">
        <v>399</v>
      </c>
      <c r="L66" s="49">
        <v>6</v>
      </c>
      <c r="M66" s="50">
        <v>1.21</v>
      </c>
      <c r="N66" s="51">
        <v>0</v>
      </c>
    </row>
    <row r="67" spans="2:14" ht="14.25" customHeight="1" x14ac:dyDescent="0.15">
      <c r="B67" s="468"/>
      <c r="C67" s="65"/>
      <c r="D67" s="46" t="s">
        <v>236</v>
      </c>
      <c r="E67" s="454">
        <v>199</v>
      </c>
      <c r="F67" s="48">
        <v>217</v>
      </c>
      <c r="G67" s="49">
        <v>215</v>
      </c>
      <c r="H67" s="49">
        <v>2</v>
      </c>
      <c r="I67" s="49"/>
      <c r="J67" s="49"/>
      <c r="K67" s="49">
        <v>199</v>
      </c>
      <c r="L67" s="49">
        <v>0</v>
      </c>
      <c r="M67" s="50">
        <v>1.0900000000000001</v>
      </c>
      <c r="N67" s="51">
        <v>0</v>
      </c>
    </row>
    <row r="68" spans="2:14" ht="14.25" customHeight="1" x14ac:dyDescent="0.15">
      <c r="B68" s="468"/>
      <c r="C68" s="65"/>
      <c r="D68" s="46" t="s">
        <v>67</v>
      </c>
      <c r="E68" s="454">
        <v>359</v>
      </c>
      <c r="F68" s="48">
        <v>577</v>
      </c>
      <c r="G68" s="49">
        <v>573</v>
      </c>
      <c r="H68" s="49">
        <v>4</v>
      </c>
      <c r="I68" s="49"/>
      <c r="J68" s="49"/>
      <c r="K68" s="49">
        <v>360</v>
      </c>
      <c r="L68" s="49">
        <v>10</v>
      </c>
      <c r="M68" s="50">
        <v>1.58</v>
      </c>
      <c r="N68" s="51">
        <v>0</v>
      </c>
    </row>
    <row r="69" spans="2:14" ht="14.25" customHeight="1" x14ac:dyDescent="0.15">
      <c r="B69" s="468"/>
      <c r="C69" s="65"/>
      <c r="D69" s="46" t="s">
        <v>237</v>
      </c>
      <c r="E69" s="454">
        <v>319</v>
      </c>
      <c r="F69" s="48">
        <v>416</v>
      </c>
      <c r="G69" s="49">
        <v>412</v>
      </c>
      <c r="H69" s="49">
        <v>4</v>
      </c>
      <c r="I69" s="49"/>
      <c r="J69" s="49"/>
      <c r="K69" s="49">
        <v>319</v>
      </c>
      <c r="L69" s="49">
        <v>3</v>
      </c>
      <c r="M69" s="50">
        <v>1.29</v>
      </c>
      <c r="N69" s="51">
        <v>0</v>
      </c>
    </row>
    <row r="70" spans="2:14" ht="14.25" customHeight="1" x14ac:dyDescent="0.15">
      <c r="B70" s="468"/>
      <c r="C70" s="65"/>
      <c r="D70" s="46" t="s">
        <v>238</v>
      </c>
      <c r="E70" s="454">
        <v>239</v>
      </c>
      <c r="F70" s="48">
        <v>277</v>
      </c>
      <c r="G70" s="49">
        <v>275</v>
      </c>
      <c r="H70" s="49">
        <v>2</v>
      </c>
      <c r="I70" s="49"/>
      <c r="J70" s="49"/>
      <c r="K70" s="49">
        <v>242</v>
      </c>
      <c r="L70" s="49">
        <v>1</v>
      </c>
      <c r="M70" s="50">
        <v>1.1399999999999999</v>
      </c>
      <c r="N70" s="51">
        <v>0</v>
      </c>
    </row>
    <row r="71" spans="2:14" ht="14.25" customHeight="1" x14ac:dyDescent="0.15">
      <c r="B71" s="468"/>
      <c r="C71" s="65"/>
      <c r="D71" s="66" t="s">
        <v>239</v>
      </c>
      <c r="E71" s="454">
        <v>319</v>
      </c>
      <c r="F71" s="48">
        <v>391</v>
      </c>
      <c r="G71" s="49">
        <v>388</v>
      </c>
      <c r="H71" s="49">
        <v>3</v>
      </c>
      <c r="I71" s="49"/>
      <c r="J71" s="49"/>
      <c r="K71" s="49">
        <v>319</v>
      </c>
      <c r="L71" s="49">
        <v>0</v>
      </c>
      <c r="M71" s="50">
        <v>1.23</v>
      </c>
      <c r="N71" s="51">
        <v>0</v>
      </c>
    </row>
    <row r="72" spans="2:14" ht="14.25" customHeight="1" x14ac:dyDescent="0.15">
      <c r="B72" s="468"/>
      <c r="C72" s="65"/>
      <c r="D72" s="66" t="s">
        <v>243</v>
      </c>
      <c r="E72" s="454">
        <v>279</v>
      </c>
      <c r="F72" s="48">
        <v>367</v>
      </c>
      <c r="G72" s="49">
        <v>367</v>
      </c>
      <c r="H72" s="49">
        <v>0</v>
      </c>
      <c r="I72" s="49"/>
      <c r="J72" s="49"/>
      <c r="K72" s="49">
        <v>279</v>
      </c>
      <c r="L72" s="49">
        <v>1</v>
      </c>
      <c r="M72" s="50">
        <v>1.31</v>
      </c>
      <c r="N72" s="51">
        <v>0</v>
      </c>
    </row>
    <row r="73" spans="2:14" ht="14.25" customHeight="1" x14ac:dyDescent="0.15">
      <c r="B73" s="468"/>
      <c r="C73" s="65"/>
      <c r="D73" s="66" t="s">
        <v>240</v>
      </c>
      <c r="E73" s="454">
        <v>384</v>
      </c>
      <c r="F73" s="48">
        <v>469</v>
      </c>
      <c r="G73" s="49">
        <v>466</v>
      </c>
      <c r="H73" s="49">
        <v>3</v>
      </c>
      <c r="I73" s="49"/>
      <c r="J73" s="49"/>
      <c r="K73" s="49">
        <v>384</v>
      </c>
      <c r="L73" s="49">
        <v>0</v>
      </c>
      <c r="M73" s="50">
        <v>1.22</v>
      </c>
      <c r="N73" s="51">
        <v>0</v>
      </c>
    </row>
    <row r="74" spans="2:14" ht="14.25" customHeight="1" x14ac:dyDescent="0.15">
      <c r="B74" s="468"/>
      <c r="C74" s="65"/>
      <c r="D74" s="46" t="s">
        <v>244</v>
      </c>
      <c r="E74" s="454">
        <v>359</v>
      </c>
      <c r="F74" s="48">
        <v>447</v>
      </c>
      <c r="G74" s="49">
        <v>445</v>
      </c>
      <c r="H74" s="49">
        <v>2</v>
      </c>
      <c r="I74" s="49"/>
      <c r="J74" s="49"/>
      <c r="K74" s="49">
        <v>359</v>
      </c>
      <c r="L74" s="49">
        <v>0</v>
      </c>
      <c r="M74" s="50">
        <v>1.25</v>
      </c>
      <c r="N74" s="51">
        <v>0</v>
      </c>
    </row>
    <row r="75" spans="2:14" ht="14.25" customHeight="1" x14ac:dyDescent="0.15">
      <c r="B75" s="468"/>
      <c r="C75" s="65"/>
      <c r="D75" s="46" t="s">
        <v>241</v>
      </c>
      <c r="E75" s="454">
        <v>279</v>
      </c>
      <c r="F75" s="48">
        <v>152</v>
      </c>
      <c r="G75" s="49">
        <v>149</v>
      </c>
      <c r="H75" s="49">
        <v>3</v>
      </c>
      <c r="I75" s="49"/>
      <c r="J75" s="49"/>
      <c r="K75" s="49">
        <v>150</v>
      </c>
      <c r="L75" s="49">
        <v>2</v>
      </c>
      <c r="M75" s="50">
        <v>1</v>
      </c>
      <c r="N75" s="51">
        <v>129</v>
      </c>
    </row>
    <row r="76" spans="2:14" ht="7.5" customHeight="1" x14ac:dyDescent="0.15">
      <c r="B76" s="469"/>
      <c r="C76" s="53"/>
      <c r="D76" s="54"/>
      <c r="E76" s="440"/>
      <c r="F76" s="56"/>
      <c r="G76" s="54"/>
      <c r="H76" s="54"/>
      <c r="I76" s="54"/>
      <c r="J76" s="54"/>
      <c r="K76" s="54"/>
      <c r="L76" s="54"/>
      <c r="M76" s="76"/>
      <c r="N76" s="59"/>
    </row>
    <row r="77" spans="2:14" ht="7.5" customHeight="1" x14ac:dyDescent="0.15">
      <c r="B77" s="478" t="s">
        <v>267</v>
      </c>
      <c r="C77" s="60"/>
      <c r="D77" s="61"/>
      <c r="E77" s="441"/>
      <c r="F77" s="62"/>
      <c r="G77" s="61"/>
      <c r="H77" s="61"/>
      <c r="I77" s="61"/>
      <c r="J77" s="61"/>
      <c r="K77" s="61"/>
      <c r="L77" s="61"/>
      <c r="M77" s="77"/>
      <c r="N77" s="64"/>
    </row>
    <row r="78" spans="2:14" ht="14.25" customHeight="1" x14ac:dyDescent="0.15">
      <c r="B78" s="468"/>
      <c r="C78" s="65"/>
      <c r="D78" s="46" t="s">
        <v>197</v>
      </c>
      <c r="E78" s="454">
        <v>319</v>
      </c>
      <c r="F78" s="48">
        <v>391</v>
      </c>
      <c r="G78" s="49">
        <v>388</v>
      </c>
      <c r="H78" s="49">
        <v>3</v>
      </c>
      <c r="I78" s="49"/>
      <c r="J78" s="49"/>
      <c r="K78" s="49">
        <v>319</v>
      </c>
      <c r="L78" s="49">
        <v>9</v>
      </c>
      <c r="M78" s="50">
        <v>1.2</v>
      </c>
      <c r="N78" s="51">
        <v>0</v>
      </c>
    </row>
    <row r="79" spans="2:14" ht="14.25" customHeight="1" x14ac:dyDescent="0.15">
      <c r="B79" s="468"/>
      <c r="C79" s="65"/>
      <c r="D79" s="46" t="s">
        <v>80</v>
      </c>
      <c r="E79" s="454">
        <v>232</v>
      </c>
      <c r="F79" s="48">
        <v>248</v>
      </c>
      <c r="G79" s="49">
        <v>246</v>
      </c>
      <c r="H79" s="49">
        <v>2</v>
      </c>
      <c r="I79" s="49"/>
      <c r="J79" s="49"/>
      <c r="K79" s="49">
        <v>232</v>
      </c>
      <c r="L79" s="49">
        <v>2</v>
      </c>
      <c r="M79" s="50">
        <v>1.06</v>
      </c>
      <c r="N79" s="51">
        <v>0</v>
      </c>
    </row>
    <row r="80" spans="2:14" ht="14.25" customHeight="1" x14ac:dyDescent="0.15">
      <c r="B80" s="468"/>
      <c r="C80" s="65"/>
      <c r="D80" s="46" t="s">
        <v>11</v>
      </c>
      <c r="E80" s="454">
        <v>279</v>
      </c>
      <c r="F80" s="48">
        <v>350</v>
      </c>
      <c r="G80" s="49">
        <v>349</v>
      </c>
      <c r="H80" s="49">
        <v>1</v>
      </c>
      <c r="I80" s="49"/>
      <c r="J80" s="49"/>
      <c r="K80" s="49">
        <v>279</v>
      </c>
      <c r="L80" s="49">
        <v>2</v>
      </c>
      <c r="M80" s="50">
        <v>1.25</v>
      </c>
      <c r="N80" s="51">
        <v>0</v>
      </c>
    </row>
    <row r="81" spans="2:15" ht="14.25" customHeight="1" x14ac:dyDescent="0.15">
      <c r="B81" s="468"/>
      <c r="C81" s="65"/>
      <c r="D81" s="46" t="s">
        <v>12</v>
      </c>
      <c r="E81" s="454">
        <v>239</v>
      </c>
      <c r="F81" s="48">
        <v>251</v>
      </c>
      <c r="G81" s="49">
        <v>249</v>
      </c>
      <c r="H81" s="49">
        <v>2</v>
      </c>
      <c r="I81" s="49"/>
      <c r="J81" s="49"/>
      <c r="K81" s="49">
        <v>239</v>
      </c>
      <c r="L81" s="49">
        <v>0</v>
      </c>
      <c r="M81" s="50">
        <v>1.05</v>
      </c>
      <c r="N81" s="51">
        <v>0</v>
      </c>
    </row>
    <row r="82" spans="2:15" ht="14.25" customHeight="1" x14ac:dyDescent="0.15">
      <c r="B82" s="468"/>
      <c r="C82" s="65"/>
      <c r="D82" s="46" t="s">
        <v>198</v>
      </c>
      <c r="E82" s="454">
        <v>359</v>
      </c>
      <c r="F82" s="48">
        <v>382</v>
      </c>
      <c r="G82" s="49">
        <v>381</v>
      </c>
      <c r="H82" s="49">
        <v>1</v>
      </c>
      <c r="I82" s="49"/>
      <c r="J82" s="49"/>
      <c r="K82" s="49">
        <v>359</v>
      </c>
      <c r="L82" s="49">
        <v>2</v>
      </c>
      <c r="M82" s="50">
        <v>1.06</v>
      </c>
      <c r="N82" s="51">
        <v>0</v>
      </c>
    </row>
    <row r="83" spans="2:15" ht="14.25" customHeight="1" x14ac:dyDescent="0.15">
      <c r="B83" s="468"/>
      <c r="C83" s="65"/>
      <c r="D83" s="46" t="s">
        <v>13</v>
      </c>
      <c r="E83" s="454">
        <v>279</v>
      </c>
      <c r="F83" s="48">
        <v>292</v>
      </c>
      <c r="G83" s="49">
        <v>292</v>
      </c>
      <c r="H83" s="49">
        <v>0</v>
      </c>
      <c r="I83" s="49"/>
      <c r="J83" s="49"/>
      <c r="K83" s="49">
        <v>279</v>
      </c>
      <c r="L83" s="49">
        <v>0</v>
      </c>
      <c r="M83" s="50">
        <v>1.05</v>
      </c>
      <c r="N83" s="51">
        <v>0</v>
      </c>
    </row>
    <row r="84" spans="2:15" ht="14.25" customHeight="1" x14ac:dyDescent="0.15">
      <c r="B84" s="468"/>
      <c r="C84" s="65"/>
      <c r="D84" s="46" t="s">
        <v>14</v>
      </c>
      <c r="E84" s="454">
        <v>229</v>
      </c>
      <c r="F84" s="48">
        <v>274</v>
      </c>
      <c r="G84" s="49">
        <v>273</v>
      </c>
      <c r="H84" s="49">
        <v>1</v>
      </c>
      <c r="I84" s="49"/>
      <c r="J84" s="49"/>
      <c r="K84" s="49">
        <v>229</v>
      </c>
      <c r="L84" s="49">
        <v>0</v>
      </c>
      <c r="M84" s="50">
        <v>1.2</v>
      </c>
      <c r="N84" s="51">
        <v>0</v>
      </c>
    </row>
    <row r="85" spans="2:15" ht="14.25" customHeight="1" x14ac:dyDescent="0.15">
      <c r="B85" s="468"/>
      <c r="C85" s="65"/>
      <c r="D85" s="46" t="s">
        <v>15</v>
      </c>
      <c r="E85" s="454">
        <v>269</v>
      </c>
      <c r="F85" s="48">
        <v>308</v>
      </c>
      <c r="G85" s="49">
        <v>307</v>
      </c>
      <c r="H85" s="49">
        <v>1</v>
      </c>
      <c r="I85" s="49"/>
      <c r="J85" s="49"/>
      <c r="K85" s="49">
        <v>269</v>
      </c>
      <c r="L85" s="49">
        <v>0</v>
      </c>
      <c r="M85" s="50">
        <v>1.1399999999999999</v>
      </c>
      <c r="N85" s="51">
        <v>0</v>
      </c>
    </row>
    <row r="86" spans="2:15" ht="7.5" customHeight="1" x14ac:dyDescent="0.15">
      <c r="B86" s="469"/>
      <c r="C86" s="53"/>
      <c r="D86" s="54"/>
      <c r="E86" s="440"/>
      <c r="F86" s="56"/>
      <c r="G86" s="54"/>
      <c r="H86" s="54"/>
      <c r="I86" s="54"/>
      <c r="J86" s="54"/>
      <c r="K86" s="54"/>
      <c r="L86" s="54"/>
      <c r="M86" s="76"/>
      <c r="N86" s="59"/>
    </row>
    <row r="87" spans="2:15" ht="7.5" customHeight="1" x14ac:dyDescent="0.15">
      <c r="B87" s="478" t="s">
        <v>385</v>
      </c>
      <c r="C87" s="60"/>
      <c r="D87" s="61"/>
      <c r="E87" s="441"/>
      <c r="F87" s="62"/>
      <c r="G87" s="61"/>
      <c r="H87" s="61"/>
      <c r="I87" s="61"/>
      <c r="J87" s="61"/>
      <c r="K87" s="61"/>
      <c r="L87" s="61"/>
      <c r="M87" s="77"/>
      <c r="N87" s="64"/>
    </row>
    <row r="88" spans="2:15" ht="14.25" customHeight="1" x14ac:dyDescent="0.15">
      <c r="B88" s="468"/>
      <c r="C88" s="65"/>
      <c r="D88" s="46" t="s">
        <v>337</v>
      </c>
      <c r="E88" s="455">
        <v>119</v>
      </c>
      <c r="F88" s="48">
        <v>99</v>
      </c>
      <c r="G88" s="49">
        <v>99</v>
      </c>
      <c r="H88" s="49">
        <v>0</v>
      </c>
      <c r="I88" s="49"/>
      <c r="J88" s="49"/>
      <c r="K88" s="49">
        <v>99</v>
      </c>
      <c r="L88" s="49">
        <v>0</v>
      </c>
      <c r="M88" s="50">
        <v>1</v>
      </c>
      <c r="N88" s="51">
        <v>20</v>
      </c>
    </row>
    <row r="89" spans="2:15" ht="14.25" customHeight="1" x14ac:dyDescent="0.15">
      <c r="B89" s="468"/>
      <c r="C89" s="65"/>
      <c r="D89" s="46" t="s">
        <v>71</v>
      </c>
      <c r="E89" s="455">
        <v>309</v>
      </c>
      <c r="F89" s="48">
        <v>361</v>
      </c>
      <c r="G89" s="49">
        <v>358</v>
      </c>
      <c r="H89" s="49">
        <v>3</v>
      </c>
      <c r="I89" s="49"/>
      <c r="J89" s="49"/>
      <c r="K89" s="49">
        <v>315</v>
      </c>
      <c r="L89" s="49">
        <v>3</v>
      </c>
      <c r="M89" s="50">
        <v>1.1399999999999999</v>
      </c>
      <c r="N89" s="51">
        <v>0</v>
      </c>
    </row>
    <row r="90" spans="2:15" ht="14.25" customHeight="1" x14ac:dyDescent="0.15">
      <c r="B90" s="468"/>
      <c r="C90" s="65"/>
      <c r="D90" s="46" t="s">
        <v>16</v>
      </c>
      <c r="E90" s="455">
        <v>239</v>
      </c>
      <c r="F90" s="48">
        <v>231</v>
      </c>
      <c r="G90" s="49">
        <v>230</v>
      </c>
      <c r="H90" s="49">
        <v>1</v>
      </c>
      <c r="I90" s="49"/>
      <c r="J90" s="49"/>
      <c r="K90" s="49">
        <v>229</v>
      </c>
      <c r="L90" s="49">
        <v>2</v>
      </c>
      <c r="M90" s="50">
        <v>1</v>
      </c>
      <c r="N90" s="51">
        <v>10</v>
      </c>
    </row>
    <row r="91" spans="2:15" ht="14.25" customHeight="1" x14ac:dyDescent="0.15">
      <c r="B91" s="468"/>
      <c r="C91" s="65"/>
      <c r="D91" s="46" t="s">
        <v>81</v>
      </c>
      <c r="E91" s="455">
        <v>199</v>
      </c>
      <c r="F91" s="48">
        <v>195</v>
      </c>
      <c r="G91" s="49">
        <v>195</v>
      </c>
      <c r="H91" s="49">
        <v>0</v>
      </c>
      <c r="I91" s="49"/>
      <c r="J91" s="49"/>
      <c r="K91" s="49">
        <v>195</v>
      </c>
      <c r="L91" s="49">
        <v>0</v>
      </c>
      <c r="M91" s="50">
        <v>1</v>
      </c>
      <c r="N91" s="51">
        <v>4</v>
      </c>
    </row>
    <row r="92" spans="2:15" ht="7.5" customHeight="1" x14ac:dyDescent="0.15">
      <c r="B92" s="468"/>
      <c r="C92" s="53"/>
      <c r="D92" s="54"/>
      <c r="E92" s="442"/>
      <c r="F92" s="56"/>
      <c r="G92" s="54"/>
      <c r="H92" s="54"/>
      <c r="I92" s="54"/>
      <c r="J92" s="54"/>
      <c r="K92" s="54"/>
      <c r="L92" s="54"/>
      <c r="M92" s="76"/>
      <c r="N92" s="59"/>
      <c r="O92" s="72"/>
    </row>
    <row r="93" spans="2:15" ht="7.5" customHeight="1" x14ac:dyDescent="0.15">
      <c r="B93" s="478" t="s">
        <v>386</v>
      </c>
      <c r="C93" s="60"/>
      <c r="D93" s="61"/>
      <c r="E93" s="441"/>
      <c r="F93" s="62"/>
      <c r="G93" s="61"/>
      <c r="H93" s="61"/>
      <c r="I93" s="61"/>
      <c r="J93" s="61"/>
      <c r="K93" s="61"/>
      <c r="L93" s="61"/>
      <c r="M93" s="77"/>
      <c r="N93" s="64"/>
    </row>
    <row r="94" spans="2:15" ht="14.25" customHeight="1" x14ac:dyDescent="0.15">
      <c r="B94" s="468"/>
      <c r="C94" s="65"/>
      <c r="D94" s="46" t="s">
        <v>201</v>
      </c>
      <c r="E94" s="454">
        <v>359</v>
      </c>
      <c r="F94" s="48">
        <v>500</v>
      </c>
      <c r="G94" s="49">
        <v>499</v>
      </c>
      <c r="H94" s="49">
        <v>1</v>
      </c>
      <c r="I94" s="49"/>
      <c r="J94" s="49"/>
      <c r="K94" s="49">
        <v>359</v>
      </c>
      <c r="L94" s="49">
        <v>6</v>
      </c>
      <c r="M94" s="50">
        <v>1.38</v>
      </c>
      <c r="N94" s="51">
        <v>0</v>
      </c>
    </row>
    <row r="95" spans="2:15" ht="14.25" customHeight="1" x14ac:dyDescent="0.15">
      <c r="B95" s="468"/>
      <c r="C95" s="65"/>
      <c r="D95" s="456" t="s">
        <v>448</v>
      </c>
      <c r="E95" s="454">
        <v>199</v>
      </c>
      <c r="F95" s="48">
        <v>212</v>
      </c>
      <c r="G95" s="49">
        <v>211</v>
      </c>
      <c r="H95" s="49">
        <v>1</v>
      </c>
      <c r="I95" s="49"/>
      <c r="J95" s="49"/>
      <c r="K95" s="49">
        <v>199</v>
      </c>
      <c r="L95" s="49">
        <v>0</v>
      </c>
      <c r="M95" s="50">
        <v>1.07</v>
      </c>
      <c r="N95" s="51">
        <v>0</v>
      </c>
    </row>
    <row r="96" spans="2:15" ht="14.25" customHeight="1" x14ac:dyDescent="0.15">
      <c r="B96" s="468"/>
      <c r="C96" s="65"/>
      <c r="D96" s="46" t="s">
        <v>82</v>
      </c>
      <c r="E96" s="454">
        <v>239</v>
      </c>
      <c r="F96" s="48">
        <v>240</v>
      </c>
      <c r="G96" s="49">
        <v>239</v>
      </c>
      <c r="H96" s="49">
        <v>1</v>
      </c>
      <c r="I96" s="49"/>
      <c r="J96" s="49"/>
      <c r="K96" s="49">
        <v>239</v>
      </c>
      <c r="L96" s="49">
        <v>0</v>
      </c>
      <c r="M96" s="50">
        <v>1</v>
      </c>
      <c r="N96" s="51">
        <v>0</v>
      </c>
    </row>
    <row r="97" spans="2:14" ht="14.25" customHeight="1" x14ac:dyDescent="0.15">
      <c r="B97" s="468"/>
      <c r="C97" s="65"/>
      <c r="D97" s="46" t="s">
        <v>17</v>
      </c>
      <c r="E97" s="454">
        <v>239</v>
      </c>
      <c r="F97" s="48">
        <v>249</v>
      </c>
      <c r="G97" s="49">
        <v>249</v>
      </c>
      <c r="H97" s="49">
        <v>0</v>
      </c>
      <c r="I97" s="49"/>
      <c r="J97" s="49"/>
      <c r="K97" s="49">
        <v>239</v>
      </c>
      <c r="L97" s="49">
        <v>1</v>
      </c>
      <c r="M97" s="50">
        <v>1.04</v>
      </c>
      <c r="N97" s="51">
        <v>0</v>
      </c>
    </row>
    <row r="98" spans="2:14" ht="14.25" customHeight="1" x14ac:dyDescent="0.15">
      <c r="B98" s="468"/>
      <c r="C98" s="65"/>
      <c r="D98" s="46" t="s">
        <v>18</v>
      </c>
      <c r="E98" s="454">
        <v>399</v>
      </c>
      <c r="F98" s="48">
        <v>483</v>
      </c>
      <c r="G98" s="49">
        <v>479</v>
      </c>
      <c r="H98" s="49">
        <v>4</v>
      </c>
      <c r="I98" s="49"/>
      <c r="J98" s="49"/>
      <c r="K98" s="49">
        <v>399</v>
      </c>
      <c r="L98" s="49">
        <v>5</v>
      </c>
      <c r="M98" s="50">
        <v>1.2</v>
      </c>
      <c r="N98" s="51">
        <v>0</v>
      </c>
    </row>
    <row r="99" spans="2:14" ht="14.25" customHeight="1" x14ac:dyDescent="0.15">
      <c r="B99" s="468"/>
      <c r="C99" s="65"/>
      <c r="D99" s="46" t="s">
        <v>83</v>
      </c>
      <c r="E99" s="454">
        <v>319</v>
      </c>
      <c r="F99" s="48">
        <v>376</v>
      </c>
      <c r="G99" s="49">
        <v>374</v>
      </c>
      <c r="H99" s="49">
        <v>2</v>
      </c>
      <c r="I99" s="49"/>
      <c r="J99" s="49"/>
      <c r="K99" s="49">
        <v>319</v>
      </c>
      <c r="L99" s="49">
        <v>1</v>
      </c>
      <c r="M99" s="50">
        <v>1.18</v>
      </c>
      <c r="N99" s="51">
        <v>0</v>
      </c>
    </row>
    <row r="100" spans="2:14" ht="14.25" customHeight="1" x14ac:dyDescent="0.15">
      <c r="B100" s="468"/>
      <c r="C100" s="65"/>
      <c r="D100" s="46" t="s">
        <v>19</v>
      </c>
      <c r="E100" s="454">
        <v>184</v>
      </c>
      <c r="F100" s="48">
        <v>131</v>
      </c>
      <c r="G100" s="49">
        <v>130</v>
      </c>
      <c r="H100" s="49">
        <v>1</v>
      </c>
      <c r="I100" s="49"/>
      <c r="J100" s="49"/>
      <c r="K100" s="49">
        <v>131</v>
      </c>
      <c r="L100" s="49">
        <v>0</v>
      </c>
      <c r="M100" s="50">
        <v>1</v>
      </c>
      <c r="N100" s="51">
        <v>53</v>
      </c>
    </row>
    <row r="101" spans="2:14" ht="14.25" customHeight="1" x14ac:dyDescent="0.15">
      <c r="B101" s="468"/>
      <c r="C101" s="65"/>
      <c r="D101" s="46" t="s">
        <v>202</v>
      </c>
      <c r="E101" s="454">
        <v>279</v>
      </c>
      <c r="F101" s="48">
        <v>398</v>
      </c>
      <c r="G101" s="49">
        <v>397</v>
      </c>
      <c r="H101" s="49">
        <v>1</v>
      </c>
      <c r="I101" s="49"/>
      <c r="J101" s="49"/>
      <c r="K101" s="49">
        <v>279</v>
      </c>
      <c r="L101" s="49">
        <v>2</v>
      </c>
      <c r="M101" s="50">
        <v>1.42</v>
      </c>
      <c r="N101" s="51">
        <v>0</v>
      </c>
    </row>
    <row r="102" spans="2:14" ht="14.25" customHeight="1" x14ac:dyDescent="0.15">
      <c r="B102" s="468"/>
      <c r="C102" s="65"/>
      <c r="D102" s="46" t="s">
        <v>20</v>
      </c>
      <c r="E102" s="454">
        <v>309</v>
      </c>
      <c r="F102" s="48">
        <v>325</v>
      </c>
      <c r="G102" s="49">
        <v>323</v>
      </c>
      <c r="H102" s="49">
        <v>2</v>
      </c>
      <c r="I102" s="49"/>
      <c r="J102" s="49"/>
      <c r="K102" s="49">
        <v>309</v>
      </c>
      <c r="L102" s="49">
        <v>1</v>
      </c>
      <c r="M102" s="50">
        <v>1.05</v>
      </c>
      <c r="N102" s="51">
        <v>0</v>
      </c>
    </row>
    <row r="103" spans="2:14" ht="14.25" customHeight="1" x14ac:dyDescent="0.15">
      <c r="B103" s="468"/>
      <c r="C103" s="65"/>
      <c r="D103" s="46" t="s">
        <v>21</v>
      </c>
      <c r="E103" s="454">
        <v>279</v>
      </c>
      <c r="F103" s="48">
        <v>316</v>
      </c>
      <c r="G103" s="49">
        <v>315</v>
      </c>
      <c r="H103" s="49">
        <v>1</v>
      </c>
      <c r="I103" s="49"/>
      <c r="J103" s="49"/>
      <c r="K103" s="49">
        <v>279</v>
      </c>
      <c r="L103" s="49">
        <v>0</v>
      </c>
      <c r="M103" s="50">
        <v>1.1299999999999999</v>
      </c>
      <c r="N103" s="51">
        <v>0</v>
      </c>
    </row>
    <row r="104" spans="2:14" ht="14.25" customHeight="1" x14ac:dyDescent="0.15">
      <c r="B104" s="468"/>
      <c r="C104" s="65"/>
      <c r="D104" s="46" t="s">
        <v>22</v>
      </c>
      <c r="E104" s="454">
        <v>279</v>
      </c>
      <c r="F104" s="48">
        <v>361</v>
      </c>
      <c r="G104" s="49">
        <v>357</v>
      </c>
      <c r="H104" s="49">
        <v>4</v>
      </c>
      <c r="I104" s="49"/>
      <c r="J104" s="49"/>
      <c r="K104" s="49">
        <v>280</v>
      </c>
      <c r="L104" s="49">
        <v>0</v>
      </c>
      <c r="M104" s="50">
        <v>1.29</v>
      </c>
      <c r="N104" s="51">
        <v>0</v>
      </c>
    </row>
    <row r="105" spans="2:14" ht="14.25" customHeight="1" x14ac:dyDescent="0.15">
      <c r="B105" s="468"/>
      <c r="C105" s="65"/>
      <c r="D105" s="46" t="s">
        <v>23</v>
      </c>
      <c r="E105" s="454">
        <v>319</v>
      </c>
      <c r="F105" s="48">
        <v>344</v>
      </c>
      <c r="G105" s="49">
        <v>342</v>
      </c>
      <c r="H105" s="49">
        <v>2</v>
      </c>
      <c r="I105" s="49"/>
      <c r="J105" s="49"/>
      <c r="K105" s="49">
        <v>319</v>
      </c>
      <c r="L105" s="49">
        <v>2</v>
      </c>
      <c r="M105" s="50">
        <v>1.07</v>
      </c>
      <c r="N105" s="51">
        <v>0</v>
      </c>
    </row>
    <row r="106" spans="2:14" ht="14.25" customHeight="1" x14ac:dyDescent="0.15">
      <c r="B106" s="468"/>
      <c r="C106" s="65"/>
      <c r="D106" s="46" t="s">
        <v>85</v>
      </c>
      <c r="E106" s="454">
        <v>319</v>
      </c>
      <c r="F106" s="48">
        <v>330</v>
      </c>
      <c r="G106" s="49">
        <v>329</v>
      </c>
      <c r="H106" s="49">
        <v>1</v>
      </c>
      <c r="I106" s="49"/>
      <c r="J106" s="49"/>
      <c r="K106" s="49">
        <v>319</v>
      </c>
      <c r="L106" s="49">
        <v>0</v>
      </c>
      <c r="M106" s="50">
        <v>1.03</v>
      </c>
      <c r="N106" s="51">
        <v>0</v>
      </c>
    </row>
    <row r="107" spans="2:14" ht="7.5" customHeight="1" x14ac:dyDescent="0.15">
      <c r="B107" s="479"/>
      <c r="C107" s="35"/>
      <c r="D107" s="36"/>
      <c r="E107" s="67"/>
      <c r="F107" s="68"/>
      <c r="G107" s="36"/>
      <c r="H107" s="36"/>
      <c r="I107" s="36"/>
      <c r="J107" s="36"/>
      <c r="K107" s="36"/>
      <c r="L107" s="36"/>
      <c r="M107" s="78"/>
      <c r="N107" s="71"/>
    </row>
    <row r="108" spans="2:14" ht="7.5" customHeight="1" x14ac:dyDescent="0.15">
      <c r="B108" s="467" t="s">
        <v>387</v>
      </c>
      <c r="C108" s="73"/>
      <c r="D108" s="9"/>
      <c r="E108" s="44"/>
      <c r="F108" s="10"/>
      <c r="G108" s="9"/>
      <c r="H108" s="9"/>
      <c r="I108" s="9"/>
      <c r="J108" s="9"/>
      <c r="K108" s="9"/>
      <c r="L108" s="9"/>
      <c r="M108" s="79"/>
      <c r="N108" s="75"/>
    </row>
    <row r="109" spans="2:14" ht="14.25" customHeight="1" x14ac:dyDescent="0.15">
      <c r="B109" s="468"/>
      <c r="C109" s="65"/>
      <c r="D109" s="46" t="s">
        <v>24</v>
      </c>
      <c r="E109" s="454">
        <v>359</v>
      </c>
      <c r="F109" s="48">
        <v>413</v>
      </c>
      <c r="G109" s="49">
        <v>410</v>
      </c>
      <c r="H109" s="49">
        <v>3</v>
      </c>
      <c r="I109" s="49"/>
      <c r="J109" s="49"/>
      <c r="K109" s="49">
        <v>359</v>
      </c>
      <c r="L109" s="49">
        <v>1</v>
      </c>
      <c r="M109" s="50">
        <v>1.1499999999999999</v>
      </c>
      <c r="N109" s="51">
        <v>0</v>
      </c>
    </row>
    <row r="110" spans="2:14" ht="14.25" customHeight="1" x14ac:dyDescent="0.15">
      <c r="B110" s="468"/>
      <c r="C110" s="65"/>
      <c r="D110" s="46" t="s">
        <v>25</v>
      </c>
      <c r="E110" s="454">
        <v>279</v>
      </c>
      <c r="F110" s="48">
        <v>331</v>
      </c>
      <c r="G110" s="49">
        <v>328</v>
      </c>
      <c r="H110" s="49">
        <v>3</v>
      </c>
      <c r="I110" s="49"/>
      <c r="J110" s="49"/>
      <c r="K110" s="49">
        <v>279</v>
      </c>
      <c r="L110" s="49">
        <v>0</v>
      </c>
      <c r="M110" s="50">
        <v>1.19</v>
      </c>
      <c r="N110" s="51">
        <v>0</v>
      </c>
    </row>
    <row r="111" spans="2:14" ht="14.25" customHeight="1" x14ac:dyDescent="0.15">
      <c r="B111" s="468"/>
      <c r="C111" s="65"/>
      <c r="D111" s="46" t="s">
        <v>26</v>
      </c>
      <c r="E111" s="454">
        <v>239</v>
      </c>
      <c r="F111" s="48">
        <v>293</v>
      </c>
      <c r="G111" s="49">
        <v>293</v>
      </c>
      <c r="H111" s="49">
        <v>0</v>
      </c>
      <c r="I111" s="49"/>
      <c r="J111" s="49"/>
      <c r="K111" s="49">
        <v>243</v>
      </c>
      <c r="L111" s="49">
        <v>0</v>
      </c>
      <c r="M111" s="50">
        <v>1.21</v>
      </c>
      <c r="N111" s="51">
        <v>0</v>
      </c>
    </row>
    <row r="112" spans="2:14" ht="14.25" customHeight="1" x14ac:dyDescent="0.15">
      <c r="B112" s="468"/>
      <c r="C112" s="65"/>
      <c r="D112" s="46" t="s">
        <v>203</v>
      </c>
      <c r="E112" s="454">
        <v>279</v>
      </c>
      <c r="F112" s="48">
        <v>345</v>
      </c>
      <c r="G112" s="49">
        <v>344</v>
      </c>
      <c r="H112" s="49">
        <v>1</v>
      </c>
      <c r="I112" s="49"/>
      <c r="J112" s="49"/>
      <c r="K112" s="49">
        <v>279</v>
      </c>
      <c r="L112" s="49">
        <v>2</v>
      </c>
      <c r="M112" s="50">
        <v>1.23</v>
      </c>
      <c r="N112" s="51">
        <v>0</v>
      </c>
    </row>
    <row r="113" spans="2:22" ht="14.25" customHeight="1" x14ac:dyDescent="0.15">
      <c r="B113" s="468"/>
      <c r="C113" s="65"/>
      <c r="D113" s="46" t="s">
        <v>27</v>
      </c>
      <c r="E113" s="454">
        <v>359</v>
      </c>
      <c r="F113" s="48">
        <v>391</v>
      </c>
      <c r="G113" s="49">
        <v>390</v>
      </c>
      <c r="H113" s="49">
        <v>1</v>
      </c>
      <c r="I113" s="49"/>
      <c r="J113" s="49"/>
      <c r="K113" s="49">
        <v>359</v>
      </c>
      <c r="L113" s="49">
        <v>0</v>
      </c>
      <c r="M113" s="50">
        <v>1.0900000000000001</v>
      </c>
      <c r="N113" s="51">
        <v>0</v>
      </c>
    </row>
    <row r="114" spans="2:22" ht="14.25" customHeight="1" x14ac:dyDescent="0.15">
      <c r="B114" s="468"/>
      <c r="C114" s="65"/>
      <c r="D114" s="46" t="s">
        <v>28</v>
      </c>
      <c r="E114" s="454">
        <v>269</v>
      </c>
      <c r="F114" s="48">
        <v>316</v>
      </c>
      <c r="G114" s="49">
        <v>316</v>
      </c>
      <c r="H114" s="49">
        <v>0</v>
      </c>
      <c r="I114" s="49"/>
      <c r="J114" s="49"/>
      <c r="K114" s="49">
        <v>269</v>
      </c>
      <c r="L114" s="49">
        <v>2</v>
      </c>
      <c r="M114" s="50">
        <v>1.17</v>
      </c>
      <c r="N114" s="51">
        <v>0</v>
      </c>
    </row>
    <row r="115" spans="2:22" ht="14.25" customHeight="1" x14ac:dyDescent="0.15">
      <c r="B115" s="468"/>
      <c r="C115" s="65"/>
      <c r="D115" s="46" t="s">
        <v>29</v>
      </c>
      <c r="E115" s="454">
        <v>279</v>
      </c>
      <c r="F115" s="48">
        <v>342</v>
      </c>
      <c r="G115" s="49">
        <v>340</v>
      </c>
      <c r="H115" s="49">
        <v>2</v>
      </c>
      <c r="I115" s="49"/>
      <c r="J115" s="49"/>
      <c r="K115" s="49">
        <v>279</v>
      </c>
      <c r="L115" s="49">
        <v>0</v>
      </c>
      <c r="M115" s="50">
        <v>1.23</v>
      </c>
      <c r="N115" s="51">
        <v>0</v>
      </c>
    </row>
    <row r="116" spans="2:22" ht="14.25" customHeight="1" x14ac:dyDescent="0.15">
      <c r="B116" s="468"/>
      <c r="C116" s="65"/>
      <c r="D116" s="46" t="s">
        <v>68</v>
      </c>
      <c r="E116" s="454">
        <v>159</v>
      </c>
      <c r="F116" s="48">
        <v>87</v>
      </c>
      <c r="G116" s="49">
        <v>86</v>
      </c>
      <c r="H116" s="49">
        <v>1</v>
      </c>
      <c r="I116" s="49"/>
      <c r="J116" s="49"/>
      <c r="K116" s="49">
        <v>87</v>
      </c>
      <c r="L116" s="49">
        <v>0</v>
      </c>
      <c r="M116" s="50">
        <v>1</v>
      </c>
      <c r="N116" s="51">
        <v>72</v>
      </c>
    </row>
    <row r="117" spans="2:22" ht="7.5" customHeight="1" x14ac:dyDescent="0.15">
      <c r="B117" s="469"/>
      <c r="C117" s="80"/>
      <c r="D117" s="81"/>
      <c r="E117" s="443"/>
      <c r="F117" s="82"/>
      <c r="G117" s="83"/>
      <c r="H117" s="83"/>
      <c r="I117" s="83"/>
      <c r="J117" s="81"/>
      <c r="K117" s="83"/>
      <c r="L117" s="84"/>
      <c r="M117" s="85"/>
      <c r="N117" s="86"/>
    </row>
    <row r="118" spans="2:22" ht="7.5" customHeight="1" x14ac:dyDescent="0.15">
      <c r="B118" s="87"/>
      <c r="C118" s="88"/>
      <c r="D118" s="89"/>
      <c r="E118" s="444"/>
      <c r="F118" s="90"/>
      <c r="G118" s="91"/>
      <c r="H118" s="91"/>
      <c r="I118" s="91"/>
      <c r="J118" s="92"/>
      <c r="K118" s="91"/>
      <c r="L118" s="93"/>
      <c r="M118" s="94"/>
      <c r="N118" s="95"/>
    </row>
    <row r="119" spans="2:22" s="101" customFormat="1" ht="14.25" customHeight="1" x14ac:dyDescent="0.15">
      <c r="B119" s="96"/>
      <c r="C119" s="97"/>
      <c r="D119" s="98" t="s">
        <v>30</v>
      </c>
      <c r="E119" s="457">
        <v>26048</v>
      </c>
      <c r="F119" s="99">
        <v>31737</v>
      </c>
      <c r="G119" s="99">
        <v>31572</v>
      </c>
      <c r="H119" s="99">
        <v>165</v>
      </c>
      <c r="I119" s="100"/>
      <c r="K119" s="100">
        <v>25669</v>
      </c>
      <c r="L119" s="102">
        <v>231</v>
      </c>
      <c r="M119" s="103">
        <v>1.23</v>
      </c>
      <c r="N119" s="104">
        <v>396</v>
      </c>
    </row>
    <row r="120" spans="2:22" ht="7.5" customHeight="1" x14ac:dyDescent="0.15">
      <c r="B120" s="105"/>
      <c r="C120" s="106"/>
      <c r="D120" s="107"/>
      <c r="E120" s="48"/>
      <c r="F120" s="48"/>
      <c r="G120" s="49"/>
      <c r="H120" s="49"/>
      <c r="I120" s="49"/>
      <c r="J120" s="46"/>
      <c r="K120" s="49"/>
      <c r="L120" s="49"/>
      <c r="M120" s="49"/>
      <c r="N120" s="108"/>
    </row>
    <row r="121" spans="2:22" ht="7.5" customHeight="1" x14ac:dyDescent="0.15">
      <c r="B121" s="7"/>
      <c r="C121" s="8"/>
      <c r="D121" s="9"/>
      <c r="E121" s="10"/>
      <c r="F121" s="10"/>
      <c r="G121" s="11"/>
      <c r="H121" s="11"/>
      <c r="I121" s="9"/>
      <c r="J121" s="9"/>
      <c r="K121" s="9"/>
      <c r="L121" s="11"/>
      <c r="M121" s="11"/>
      <c r="N121" s="12"/>
    </row>
    <row r="122" spans="2:22" ht="15.75" customHeight="1" x14ac:dyDescent="0.15">
      <c r="B122" s="109" t="s">
        <v>154</v>
      </c>
      <c r="C122" s="24"/>
      <c r="E122" s="14"/>
      <c r="F122" s="15"/>
      <c r="G122" s="16" t="s">
        <v>204</v>
      </c>
      <c r="H122" s="16"/>
      <c r="I122" s="110" t="s">
        <v>174</v>
      </c>
      <c r="J122" s="111"/>
      <c r="K122" s="111"/>
      <c r="L122" s="20" t="s">
        <v>134</v>
      </c>
      <c r="M122" s="21"/>
      <c r="N122" s="22"/>
    </row>
    <row r="123" spans="2:22" ht="14.25" customHeight="1" x14ac:dyDescent="0.15">
      <c r="B123" s="109"/>
      <c r="C123" s="24"/>
      <c r="D123" s="2" t="s">
        <v>59</v>
      </c>
      <c r="E123" s="23" t="s">
        <v>58</v>
      </c>
      <c r="F123" s="23" t="s">
        <v>88</v>
      </c>
      <c r="G123" s="447" t="s">
        <v>457</v>
      </c>
      <c r="H123" s="24" t="s">
        <v>367</v>
      </c>
      <c r="I123" s="112" t="s">
        <v>150</v>
      </c>
      <c r="J123" s="112" t="s">
        <v>150</v>
      </c>
      <c r="K123" s="113" t="s">
        <v>88</v>
      </c>
      <c r="L123" s="27" t="s">
        <v>135</v>
      </c>
      <c r="M123" s="24" t="s">
        <v>45</v>
      </c>
      <c r="N123" s="28" t="s">
        <v>136</v>
      </c>
    </row>
    <row r="124" spans="2:22" ht="14.25" customHeight="1" x14ac:dyDescent="0.15">
      <c r="B124" s="109" t="s">
        <v>268</v>
      </c>
      <c r="C124" s="24"/>
      <c r="D124" s="1"/>
      <c r="E124" s="29"/>
      <c r="F124" s="29" t="s">
        <v>366</v>
      </c>
      <c r="G124" s="30" t="s">
        <v>0</v>
      </c>
      <c r="H124" s="30" t="s">
        <v>205</v>
      </c>
      <c r="I124" s="114" t="s">
        <v>151</v>
      </c>
      <c r="J124" s="114" t="s">
        <v>152</v>
      </c>
      <c r="K124" s="27" t="s">
        <v>133</v>
      </c>
      <c r="L124" s="24" t="s">
        <v>369</v>
      </c>
      <c r="M124" s="33" t="s">
        <v>368</v>
      </c>
      <c r="N124" s="28"/>
    </row>
    <row r="125" spans="2:22" ht="7.5" customHeight="1" x14ac:dyDescent="0.15">
      <c r="B125" s="115"/>
      <c r="C125" s="35"/>
      <c r="D125" s="36"/>
      <c r="E125" s="37"/>
      <c r="F125" s="37"/>
      <c r="G125" s="38"/>
      <c r="H125" s="39"/>
      <c r="I125" s="116"/>
      <c r="J125" s="116"/>
      <c r="K125" s="116"/>
      <c r="L125" s="38"/>
      <c r="M125" s="39"/>
      <c r="N125" s="42"/>
    </row>
    <row r="126" spans="2:22" s="121" customFormat="1" ht="10.5" customHeight="1" x14ac:dyDescent="0.15">
      <c r="B126" s="117"/>
      <c r="C126" s="118"/>
      <c r="D126" s="119"/>
      <c r="E126" s="44"/>
      <c r="F126" s="10"/>
      <c r="G126" s="119"/>
      <c r="H126" s="119"/>
      <c r="I126" s="119"/>
      <c r="J126" s="119"/>
      <c r="K126" s="120"/>
      <c r="M126" s="122"/>
      <c r="N126" s="123"/>
      <c r="O126" s="124"/>
    </row>
    <row r="127" spans="2:22" s="121" customFormat="1" x14ac:dyDescent="0.15">
      <c r="B127" s="109" t="s">
        <v>327</v>
      </c>
      <c r="C127" s="125"/>
      <c r="D127" s="126" t="s">
        <v>137</v>
      </c>
      <c r="E127" s="242">
        <v>318</v>
      </c>
      <c r="F127" s="48">
        <v>436</v>
      </c>
      <c r="G127" s="49">
        <v>433</v>
      </c>
      <c r="H127" s="49">
        <v>3</v>
      </c>
      <c r="I127" s="458">
        <v>314</v>
      </c>
      <c r="J127" s="458">
        <v>4</v>
      </c>
      <c r="K127" s="458">
        <v>318</v>
      </c>
      <c r="L127" s="459">
        <v>3</v>
      </c>
      <c r="M127" s="50">
        <v>1.36</v>
      </c>
      <c r="N127" s="460">
        <v>0</v>
      </c>
      <c r="O127" s="124"/>
    </row>
    <row r="128" spans="2:22" s="121" customFormat="1" x14ac:dyDescent="0.15">
      <c r="B128" s="109" t="s">
        <v>328</v>
      </c>
      <c r="C128" s="125"/>
      <c r="D128" s="121" t="s">
        <v>51</v>
      </c>
      <c r="E128" s="242">
        <v>38</v>
      </c>
      <c r="F128" s="48">
        <v>57</v>
      </c>
      <c r="G128" s="49">
        <v>57</v>
      </c>
      <c r="H128" s="49">
        <v>0</v>
      </c>
      <c r="I128" s="458">
        <v>34</v>
      </c>
      <c r="J128" s="458">
        <v>4</v>
      </c>
      <c r="K128" s="458">
        <v>38</v>
      </c>
      <c r="L128" s="459">
        <v>3</v>
      </c>
      <c r="M128" s="50">
        <v>1.42</v>
      </c>
      <c r="N128" s="460">
        <v>0</v>
      </c>
      <c r="O128" s="129"/>
      <c r="P128" s="130"/>
      <c r="Q128" s="130"/>
      <c r="R128" s="130"/>
      <c r="S128" s="130"/>
      <c r="T128" s="1"/>
      <c r="U128" s="130"/>
      <c r="V128" s="1"/>
    </row>
    <row r="129" spans="2:22" s="121" customFormat="1" x14ac:dyDescent="0.15">
      <c r="B129" s="109" t="s">
        <v>270</v>
      </c>
      <c r="C129" s="125"/>
      <c r="D129" s="121" t="s">
        <v>62</v>
      </c>
      <c r="E129" s="128">
        <v>318</v>
      </c>
      <c r="F129" s="48">
        <v>408</v>
      </c>
      <c r="G129" s="49">
        <v>407</v>
      </c>
      <c r="H129" s="49">
        <v>1</v>
      </c>
      <c r="I129" s="458">
        <v>264</v>
      </c>
      <c r="J129" s="458">
        <v>54</v>
      </c>
      <c r="K129" s="458">
        <v>318</v>
      </c>
      <c r="L129" s="459">
        <v>8</v>
      </c>
      <c r="M129" s="50">
        <v>1.26</v>
      </c>
      <c r="N129" s="460">
        <v>0</v>
      </c>
      <c r="O129" s="129"/>
      <c r="P129" s="130"/>
      <c r="Q129" s="130"/>
      <c r="R129" s="130"/>
      <c r="S129" s="130"/>
      <c r="T129" s="1"/>
      <c r="U129" s="130"/>
      <c r="V129" s="1"/>
    </row>
    <row r="130" spans="2:22" s="121" customFormat="1" ht="14.25" customHeight="1" x14ac:dyDescent="0.15">
      <c r="B130" s="109" t="s">
        <v>271</v>
      </c>
      <c r="C130" s="125"/>
      <c r="D130" s="452" t="s">
        <v>153</v>
      </c>
      <c r="E130" s="131">
        <v>674</v>
      </c>
      <c r="F130" s="99">
        <v>901</v>
      </c>
      <c r="G130" s="99">
        <v>897</v>
      </c>
      <c r="H130" s="99">
        <v>4</v>
      </c>
      <c r="I130" s="100">
        <v>612</v>
      </c>
      <c r="J130" s="100">
        <v>62</v>
      </c>
      <c r="K130" s="100">
        <v>674</v>
      </c>
      <c r="L130" s="102">
        <v>14</v>
      </c>
      <c r="M130" s="103">
        <v>1.32</v>
      </c>
      <c r="N130" s="104">
        <v>0</v>
      </c>
      <c r="O130" s="124"/>
    </row>
    <row r="131" spans="2:22" s="121" customFormat="1" ht="8.25" customHeight="1" x14ac:dyDescent="0.15">
      <c r="B131" s="132"/>
      <c r="C131" s="133"/>
      <c r="D131" s="134"/>
      <c r="E131" s="55"/>
      <c r="F131" s="135"/>
      <c r="M131" s="136"/>
      <c r="N131" s="137"/>
      <c r="O131" s="124"/>
    </row>
    <row r="132" spans="2:22" ht="7.5" customHeight="1" x14ac:dyDescent="0.15">
      <c r="B132" s="474" t="s">
        <v>339</v>
      </c>
      <c r="C132" s="138"/>
      <c r="D132" s="9"/>
      <c r="E132" s="44"/>
      <c r="F132" s="10"/>
      <c r="G132" s="11"/>
      <c r="H132" s="11"/>
      <c r="I132" s="9"/>
      <c r="J132" s="9"/>
      <c r="K132" s="9"/>
      <c r="L132" s="11"/>
      <c r="M132" s="11"/>
      <c r="N132" s="12"/>
    </row>
    <row r="133" spans="2:22" x14ac:dyDescent="0.15">
      <c r="B133" s="475"/>
      <c r="C133" s="24"/>
      <c r="D133" s="2" t="s">
        <v>31</v>
      </c>
      <c r="E133" s="128">
        <v>198</v>
      </c>
      <c r="F133" s="48">
        <v>234</v>
      </c>
      <c r="G133" s="49">
        <v>234</v>
      </c>
      <c r="H133" s="49">
        <v>0</v>
      </c>
      <c r="I133" s="458">
        <v>183</v>
      </c>
      <c r="J133" s="458">
        <v>15</v>
      </c>
      <c r="K133" s="458">
        <v>198</v>
      </c>
      <c r="L133" s="459">
        <v>1</v>
      </c>
      <c r="M133" s="50">
        <v>1.18</v>
      </c>
      <c r="N133" s="460">
        <v>0</v>
      </c>
    </row>
    <row r="134" spans="2:22" x14ac:dyDescent="0.15">
      <c r="B134" s="475"/>
      <c r="C134" s="24"/>
      <c r="D134" s="2" t="s">
        <v>32</v>
      </c>
      <c r="E134" s="128">
        <v>278</v>
      </c>
      <c r="F134" s="48">
        <v>429</v>
      </c>
      <c r="G134" s="49">
        <v>428</v>
      </c>
      <c r="H134" s="49">
        <v>1</v>
      </c>
      <c r="I134" s="458">
        <v>272</v>
      </c>
      <c r="J134" s="458">
        <v>6</v>
      </c>
      <c r="K134" s="458">
        <v>278</v>
      </c>
      <c r="L134" s="459">
        <v>2</v>
      </c>
      <c r="M134" s="50">
        <v>1.54</v>
      </c>
      <c r="N134" s="460">
        <v>0</v>
      </c>
    </row>
    <row r="135" spans="2:22" x14ac:dyDescent="0.15">
      <c r="B135" s="475"/>
      <c r="C135" s="24"/>
      <c r="D135" s="2" t="s">
        <v>338</v>
      </c>
      <c r="E135" s="242">
        <v>118</v>
      </c>
      <c r="F135" s="48">
        <v>168</v>
      </c>
      <c r="G135" s="49">
        <v>168</v>
      </c>
      <c r="H135" s="49">
        <v>0</v>
      </c>
      <c r="I135" s="458">
        <v>116</v>
      </c>
      <c r="J135" s="458">
        <v>2</v>
      </c>
      <c r="K135" s="458">
        <v>118</v>
      </c>
      <c r="L135" s="459">
        <v>0</v>
      </c>
      <c r="M135" s="50">
        <v>1.42</v>
      </c>
      <c r="N135" s="460">
        <v>0</v>
      </c>
    </row>
    <row r="136" spans="2:22" x14ac:dyDescent="0.15">
      <c r="B136" s="475"/>
      <c r="C136" s="24"/>
      <c r="D136" s="452" t="s">
        <v>153</v>
      </c>
      <c r="E136" s="131">
        <v>594</v>
      </c>
      <c r="F136" s="99">
        <v>831</v>
      </c>
      <c r="G136" s="99">
        <v>830</v>
      </c>
      <c r="H136" s="99">
        <v>1</v>
      </c>
      <c r="I136" s="100">
        <v>571</v>
      </c>
      <c r="J136" s="100">
        <v>23</v>
      </c>
      <c r="K136" s="100">
        <v>594</v>
      </c>
      <c r="L136" s="102">
        <v>3</v>
      </c>
      <c r="M136" s="103">
        <v>1.39</v>
      </c>
      <c r="N136" s="104">
        <v>0</v>
      </c>
    </row>
    <row r="137" spans="2:22" ht="7.5" customHeight="1" x14ac:dyDescent="0.15">
      <c r="B137" s="476"/>
      <c r="C137" s="43"/>
      <c r="D137" s="1"/>
      <c r="E137" s="140"/>
      <c r="F137" s="135"/>
      <c r="G137" s="2"/>
      <c r="H137" s="2"/>
      <c r="I137" s="1"/>
      <c r="J137" s="1"/>
      <c r="K137" s="1"/>
      <c r="L137" s="141"/>
      <c r="M137" s="142"/>
      <c r="N137" s="143"/>
    </row>
    <row r="138" spans="2:22" ht="7.5" customHeight="1" x14ac:dyDescent="0.15">
      <c r="B138" s="87"/>
      <c r="C138" s="88"/>
      <c r="D138" s="92"/>
      <c r="E138" s="420"/>
      <c r="F138" s="90"/>
      <c r="G138" s="91"/>
      <c r="H138" s="91"/>
      <c r="I138" s="91"/>
      <c r="J138" s="92"/>
      <c r="K138" s="91"/>
      <c r="L138" s="93"/>
      <c r="M138" s="93"/>
      <c r="N138" s="95"/>
    </row>
    <row r="139" spans="2:22" s="101" customFormat="1" ht="14.25" customHeight="1" x14ac:dyDescent="0.15">
      <c r="B139" s="96"/>
      <c r="C139" s="97"/>
      <c r="D139" s="419" t="s">
        <v>269</v>
      </c>
      <c r="E139" s="131">
        <v>1268</v>
      </c>
      <c r="F139" s="99">
        <v>1732</v>
      </c>
      <c r="G139" s="99">
        <v>1727</v>
      </c>
      <c r="H139" s="99">
        <v>5</v>
      </c>
      <c r="I139" s="144" t="s">
        <v>84</v>
      </c>
      <c r="J139" s="145" t="s">
        <v>84</v>
      </c>
      <c r="K139" s="99">
        <v>1268</v>
      </c>
      <c r="L139" s="99">
        <v>17</v>
      </c>
      <c r="M139" s="103">
        <v>1.35</v>
      </c>
      <c r="N139" s="146">
        <v>0</v>
      </c>
    </row>
    <row r="140" spans="2:22" ht="7.5" customHeight="1" x14ac:dyDescent="0.15">
      <c r="B140" s="105"/>
      <c r="C140" s="106"/>
      <c r="D140" s="284"/>
      <c r="E140" s="47"/>
      <c r="F140" s="48"/>
      <c r="G140" s="49"/>
      <c r="H140" s="49"/>
      <c r="I140" s="49"/>
      <c r="J140" s="46"/>
      <c r="K140" s="49"/>
      <c r="L140" s="49"/>
      <c r="M140" s="49"/>
      <c r="N140" s="147"/>
    </row>
    <row r="141" spans="2:22" ht="7.5" customHeight="1" x14ac:dyDescent="0.15">
      <c r="B141" s="148"/>
      <c r="C141" s="8"/>
      <c r="D141" s="9"/>
      <c r="E141" s="44"/>
      <c r="F141" s="10"/>
      <c r="G141" s="11"/>
      <c r="H141" s="11"/>
      <c r="I141" s="9"/>
      <c r="J141" s="9"/>
      <c r="K141" s="9"/>
      <c r="L141" s="149"/>
      <c r="M141" s="74"/>
      <c r="N141" s="75"/>
    </row>
    <row r="142" spans="2:22" s="101" customFormat="1" x14ac:dyDescent="0.15">
      <c r="B142" s="96"/>
      <c r="C142" s="452"/>
      <c r="D142" s="452" t="s">
        <v>33</v>
      </c>
      <c r="E142" s="131">
        <v>27316</v>
      </c>
      <c r="F142" s="99">
        <v>33469</v>
      </c>
      <c r="G142" s="99">
        <v>33299</v>
      </c>
      <c r="H142" s="99">
        <v>170</v>
      </c>
      <c r="I142" s="144" t="s">
        <v>84</v>
      </c>
      <c r="J142" s="145" t="s">
        <v>84</v>
      </c>
      <c r="K142" s="99">
        <v>26937</v>
      </c>
      <c r="L142" s="99">
        <v>248</v>
      </c>
      <c r="M142" s="103">
        <v>1.23</v>
      </c>
      <c r="N142" s="104">
        <v>396</v>
      </c>
    </row>
    <row r="143" spans="2:22" ht="7.5" customHeight="1" x14ac:dyDescent="0.15">
      <c r="B143" s="115"/>
      <c r="C143" s="150"/>
      <c r="D143" s="36"/>
      <c r="E143" s="67"/>
      <c r="F143" s="68"/>
      <c r="G143" s="69"/>
      <c r="H143" s="69"/>
      <c r="I143" s="36"/>
      <c r="J143" s="36"/>
      <c r="K143" s="36"/>
      <c r="L143" s="69"/>
      <c r="M143" s="69"/>
      <c r="N143" s="151"/>
    </row>
    <row r="144" spans="2:22" ht="13.5" customHeight="1" x14ac:dyDescent="0.15">
      <c r="B144" s="477"/>
      <c r="C144" s="477"/>
      <c r="D144" s="477"/>
      <c r="E144" s="477"/>
      <c r="F144" s="477"/>
      <c r="G144" s="477"/>
      <c r="H144" s="477"/>
      <c r="I144" s="477"/>
      <c r="J144" s="477"/>
      <c r="K144" s="477"/>
      <c r="L144" s="477"/>
      <c r="M144" s="477"/>
      <c r="N144" s="477"/>
    </row>
    <row r="145" spans="2:14" x14ac:dyDescent="0.15">
      <c r="B145" s="152"/>
    </row>
    <row r="149" spans="2:14" x14ac:dyDescent="0.15">
      <c r="B149" s="153" t="s">
        <v>182</v>
      </c>
      <c r="C149" s="153"/>
      <c r="D149" s="153"/>
      <c r="E149" s="153"/>
      <c r="F149" s="153"/>
      <c r="G149" s="153"/>
      <c r="H149" s="153"/>
      <c r="I149" s="153"/>
      <c r="J149" s="153"/>
      <c r="K149" s="153"/>
      <c r="L149" s="153"/>
      <c r="M149" s="153"/>
      <c r="N149" s="153"/>
    </row>
    <row r="150" spans="2:14" x14ac:dyDescent="0.15">
      <c r="B150" s="154"/>
      <c r="C150" s="155"/>
      <c r="D150" s="155"/>
      <c r="E150" s="156"/>
      <c r="F150" s="156"/>
      <c r="G150" s="156"/>
      <c r="H150" s="156"/>
      <c r="I150" s="156"/>
      <c r="J150" s="156"/>
      <c r="K150" s="156"/>
      <c r="L150" s="156"/>
      <c r="M150" s="156"/>
      <c r="N150" s="157"/>
    </row>
    <row r="151" spans="2:14" x14ac:dyDescent="0.15">
      <c r="B151" s="158"/>
      <c r="C151" s="153"/>
      <c r="D151" s="153"/>
      <c r="E151" s="14"/>
      <c r="F151" s="15"/>
      <c r="G151" s="16" t="s">
        <v>204</v>
      </c>
      <c r="H151" s="16"/>
      <c r="I151" s="17"/>
      <c r="J151" s="18"/>
      <c r="K151" s="19"/>
      <c r="L151" s="20" t="s">
        <v>134</v>
      </c>
      <c r="M151" s="21"/>
      <c r="N151" s="22"/>
    </row>
    <row r="152" spans="2:14" x14ac:dyDescent="0.15">
      <c r="B152" s="158"/>
      <c r="C152" s="153" t="s">
        <v>59</v>
      </c>
      <c r="D152" s="153"/>
      <c r="E152" s="23" t="s">
        <v>58</v>
      </c>
      <c r="F152" s="23" t="s">
        <v>88</v>
      </c>
      <c r="G152" s="447" t="s">
        <v>457</v>
      </c>
      <c r="H152" s="24" t="s">
        <v>367</v>
      </c>
      <c r="I152" s="25" t="s">
        <v>132</v>
      </c>
      <c r="J152" s="26"/>
      <c r="K152" s="26"/>
      <c r="L152" s="27" t="s">
        <v>135</v>
      </c>
      <c r="M152" s="24" t="s">
        <v>45</v>
      </c>
      <c r="N152" s="28" t="s">
        <v>136</v>
      </c>
    </row>
    <row r="153" spans="2:14" x14ac:dyDescent="0.15">
      <c r="B153" s="158"/>
      <c r="C153" s="449"/>
      <c r="D153" s="449"/>
      <c r="E153" s="29"/>
      <c r="F153" s="29" t="s">
        <v>366</v>
      </c>
      <c r="G153" s="30" t="s">
        <v>0</v>
      </c>
      <c r="H153" s="30" t="s">
        <v>205</v>
      </c>
      <c r="I153" s="25" t="s">
        <v>133</v>
      </c>
      <c r="J153" s="31"/>
      <c r="K153" s="32"/>
      <c r="L153" s="24" t="s">
        <v>369</v>
      </c>
      <c r="M153" s="159" t="s">
        <v>368</v>
      </c>
      <c r="N153" s="28"/>
    </row>
    <row r="154" spans="2:14" x14ac:dyDescent="0.15">
      <c r="B154" s="160"/>
      <c r="C154" s="161"/>
      <c r="D154" s="161"/>
      <c r="E154" s="37"/>
      <c r="F154" s="37"/>
      <c r="G154" s="38"/>
      <c r="H154" s="39"/>
      <c r="I154" s="40"/>
      <c r="J154" s="36"/>
      <c r="K154" s="41"/>
      <c r="L154" s="162"/>
      <c r="M154" s="39"/>
      <c r="N154" s="163"/>
    </row>
    <row r="155" spans="2:14" x14ac:dyDescent="0.15">
      <c r="B155" s="154"/>
      <c r="C155" s="153"/>
      <c r="D155" s="153"/>
      <c r="E155" s="164"/>
      <c r="F155" s="153"/>
      <c r="G155" s="153"/>
      <c r="H155" s="153"/>
      <c r="I155" s="153"/>
      <c r="J155" s="153"/>
      <c r="K155" s="153"/>
      <c r="L155" s="153"/>
      <c r="M155" s="153"/>
      <c r="N155" s="165"/>
    </row>
    <row r="156" spans="2:14" x14ac:dyDescent="0.15">
      <c r="B156" s="158" t="s">
        <v>340</v>
      </c>
      <c r="C156" s="153"/>
      <c r="D156" s="153"/>
      <c r="E156" s="198">
        <v>159</v>
      </c>
      <c r="F156" s="48">
        <v>72</v>
      </c>
      <c r="G156" s="49">
        <v>71</v>
      </c>
      <c r="H156" s="49">
        <v>1</v>
      </c>
      <c r="I156" s="49"/>
      <c r="J156" s="49"/>
      <c r="K156" s="49">
        <v>72</v>
      </c>
      <c r="L156" s="49">
        <v>0</v>
      </c>
      <c r="M156" s="50">
        <v>1</v>
      </c>
      <c r="N156" s="51">
        <v>87</v>
      </c>
    </row>
    <row r="157" spans="2:14" x14ac:dyDescent="0.15">
      <c r="B157" s="158" t="s">
        <v>341</v>
      </c>
      <c r="C157" s="153"/>
      <c r="D157" s="153"/>
      <c r="E157" s="198">
        <v>239</v>
      </c>
      <c r="F157" s="48">
        <v>167</v>
      </c>
      <c r="G157" s="49">
        <v>167</v>
      </c>
      <c r="H157" s="49">
        <v>0</v>
      </c>
      <c r="I157" s="49"/>
      <c r="J157" s="49"/>
      <c r="K157" s="49">
        <v>167</v>
      </c>
      <c r="L157" s="49">
        <v>0</v>
      </c>
      <c r="M157" s="50">
        <v>1</v>
      </c>
      <c r="N157" s="51">
        <v>72</v>
      </c>
    </row>
    <row r="158" spans="2:14" x14ac:dyDescent="0.15">
      <c r="B158" s="158" t="s">
        <v>391</v>
      </c>
      <c r="C158" s="153"/>
      <c r="D158" s="153"/>
      <c r="E158" s="198">
        <v>119</v>
      </c>
      <c r="F158" s="48">
        <v>110</v>
      </c>
      <c r="G158" s="49">
        <v>109</v>
      </c>
      <c r="H158" s="49">
        <v>1</v>
      </c>
      <c r="I158" s="49"/>
      <c r="J158" s="49"/>
      <c r="K158" s="49">
        <v>110</v>
      </c>
      <c r="L158" s="49">
        <v>0</v>
      </c>
      <c r="M158" s="50">
        <v>1</v>
      </c>
      <c r="N158" s="51">
        <v>9</v>
      </c>
    </row>
    <row r="159" spans="2:14" x14ac:dyDescent="0.15">
      <c r="B159" s="158" t="s">
        <v>342</v>
      </c>
      <c r="C159" s="153"/>
      <c r="D159" s="153"/>
      <c r="E159" s="198">
        <v>79</v>
      </c>
      <c r="F159" s="48">
        <v>78</v>
      </c>
      <c r="G159" s="49">
        <v>78</v>
      </c>
      <c r="H159" s="49">
        <v>0</v>
      </c>
      <c r="I159" s="49"/>
      <c r="J159" s="49"/>
      <c r="K159" s="49">
        <v>78</v>
      </c>
      <c r="L159" s="49">
        <v>0</v>
      </c>
      <c r="M159" s="50">
        <v>1</v>
      </c>
      <c r="N159" s="51">
        <v>1</v>
      </c>
    </row>
    <row r="160" spans="2:14" x14ac:dyDescent="0.15">
      <c r="B160" s="158" t="s">
        <v>343</v>
      </c>
      <c r="C160" s="153"/>
      <c r="D160" s="153"/>
      <c r="E160" s="198">
        <v>239</v>
      </c>
      <c r="F160" s="48">
        <v>251</v>
      </c>
      <c r="G160" s="49">
        <v>248</v>
      </c>
      <c r="H160" s="49">
        <v>3</v>
      </c>
      <c r="I160" s="49"/>
      <c r="J160" s="49"/>
      <c r="K160" s="49">
        <v>239</v>
      </c>
      <c r="L160" s="49">
        <v>0</v>
      </c>
      <c r="M160" s="50">
        <v>1.05</v>
      </c>
      <c r="N160" s="51">
        <v>0</v>
      </c>
    </row>
    <row r="161" spans="2:15" x14ac:dyDescent="0.15">
      <c r="B161" s="170"/>
      <c r="C161" s="153"/>
      <c r="D161" s="153"/>
      <c r="E161" s="198"/>
      <c r="F161" s="153"/>
      <c r="G161" s="168"/>
      <c r="H161" s="168"/>
      <c r="I161" s="168"/>
      <c r="J161" s="168"/>
      <c r="K161" s="153"/>
      <c r="L161" s="153"/>
      <c r="M161" s="153"/>
      <c r="N161" s="165"/>
    </row>
    <row r="162" spans="2:15" x14ac:dyDescent="0.15">
      <c r="B162" s="171"/>
      <c r="C162" s="172"/>
      <c r="D162" s="172"/>
      <c r="E162" s="173"/>
      <c r="F162" s="174"/>
      <c r="G162" s="175"/>
      <c r="H162" s="175"/>
      <c r="I162" s="175"/>
      <c r="J162" s="175"/>
      <c r="K162" s="174"/>
      <c r="L162" s="176"/>
      <c r="M162" s="177"/>
      <c r="N162" s="178"/>
    </row>
    <row r="163" spans="2:15" x14ac:dyDescent="0.15">
      <c r="B163" s="179"/>
      <c r="C163" s="180" t="s">
        <v>64</v>
      </c>
      <c r="D163" s="180"/>
      <c r="E163" s="181">
        <v>835</v>
      </c>
      <c r="F163" s="182">
        <v>678</v>
      </c>
      <c r="G163" s="182">
        <v>673</v>
      </c>
      <c r="H163" s="144">
        <v>5</v>
      </c>
      <c r="I163" s="183"/>
      <c r="J163" s="183"/>
      <c r="K163" s="182">
        <v>666</v>
      </c>
      <c r="L163" s="184">
        <v>0</v>
      </c>
      <c r="M163" s="185">
        <v>1.02</v>
      </c>
      <c r="N163" s="186">
        <v>169</v>
      </c>
    </row>
    <row r="164" spans="2:15" x14ac:dyDescent="0.15">
      <c r="B164" s="160"/>
      <c r="C164" s="187"/>
      <c r="D164" s="187"/>
      <c r="E164" s="188"/>
      <c r="F164" s="189"/>
      <c r="G164" s="190"/>
      <c r="H164" s="190"/>
      <c r="I164" s="190"/>
      <c r="J164" s="190"/>
      <c r="K164" s="189"/>
      <c r="L164" s="189"/>
      <c r="M164" s="189"/>
      <c r="N164" s="191"/>
    </row>
    <row r="165" spans="2:15" s="153" customFormat="1" ht="13.5" customHeight="1" x14ac:dyDescent="0.15">
      <c r="B165" s="217" t="s">
        <v>452</v>
      </c>
      <c r="G165" s="192"/>
      <c r="H165" s="192"/>
      <c r="I165" s="192"/>
      <c r="J165" s="192"/>
      <c r="K165" s="192"/>
      <c r="L165" s="192"/>
      <c r="M165" s="192"/>
      <c r="O165" s="192"/>
    </row>
    <row r="166" spans="2:15" x14ac:dyDescent="0.15">
      <c r="B166" s="410"/>
    </row>
  </sheetData>
  <mergeCells count="14">
    <mergeCell ref="B132:B137"/>
    <mergeCell ref="B144:N144"/>
    <mergeCell ref="B45:B55"/>
    <mergeCell ref="B63:B76"/>
    <mergeCell ref="B77:B86"/>
    <mergeCell ref="B87:B92"/>
    <mergeCell ref="B93:B107"/>
    <mergeCell ref="B108:B117"/>
    <mergeCell ref="A1:L1"/>
    <mergeCell ref="M1:N1"/>
    <mergeCell ref="B56:B62"/>
    <mergeCell ref="B10:B24"/>
    <mergeCell ref="B25:B36"/>
    <mergeCell ref="B37:B44"/>
  </mergeCells>
  <phoneticPr fontId="2"/>
  <conditionalFormatting sqref="V128:V129">
    <cfRule type="cellIs" dxfId="2" priority="1" stopIfTrue="1" operator="equal">
      <formula>"警告!"</formula>
    </cfRule>
  </conditionalFormatting>
  <printOptions horizontalCentered="1"/>
  <pageMargins left="0.78740157480314965" right="0.78740157480314965" top="0.78740157480314965" bottom="0.59055118110236227" header="0.51181102362204722" footer="0.39370078740157483"/>
  <pageSetup paperSize="9" scale="83" fitToHeight="0" orientation="portrait" blackAndWhite="1" useFirstPageNumber="1" r:id="rId1"/>
  <headerFooter alignWithMargins="0">
    <oddFooter>&amp;C&amp;P</oddFooter>
  </headerFooter>
  <rowBreaks count="2" manualBreakCount="2">
    <brk id="55" max="13" man="1"/>
    <brk id="107" max="13"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dimension ref="B1:P218"/>
  <sheetViews>
    <sheetView tabSelected="1" zoomScale="80" zoomScaleNormal="80" workbookViewId="0">
      <selection activeCell="C26" sqref="C26"/>
    </sheetView>
  </sheetViews>
  <sheetFormatPr defaultColWidth="9" defaultRowHeight="13.5" x14ac:dyDescent="0.15"/>
  <cols>
    <col min="1" max="2" width="1.5" style="153" customWidth="1"/>
    <col min="3" max="3" width="20.625" style="153" customWidth="1"/>
    <col min="4" max="4" width="14.125" style="153" bestFit="1" customWidth="1"/>
    <col min="5" max="5" width="10.5" style="192" bestFit="1" customWidth="1"/>
    <col min="6" max="7" width="9" style="192" customWidth="1"/>
    <col min="8" max="8" width="8.875" style="192" bestFit="1" customWidth="1"/>
    <col min="9" max="10" width="5.125" style="153" bestFit="1" customWidth="1"/>
    <col min="11" max="11" width="7.75" style="153" bestFit="1" customWidth="1"/>
    <col min="12" max="12" width="9.125" style="192" bestFit="1" customWidth="1"/>
    <col min="13" max="13" width="9.875" style="192" bestFit="1" customWidth="1"/>
    <col min="14" max="14" width="8.75" style="193" bestFit="1" customWidth="1"/>
    <col min="15" max="16384" width="9" style="153"/>
  </cols>
  <sheetData>
    <row r="1" spans="2:14" ht="14.25" customHeight="1" x14ac:dyDescent="0.15"/>
    <row r="2" spans="2:14" x14ac:dyDescent="0.15">
      <c r="B2" s="153" t="s">
        <v>310</v>
      </c>
    </row>
    <row r="3" spans="2:14" ht="7.5" customHeight="1" x14ac:dyDescent="0.15">
      <c r="B3" s="154"/>
      <c r="C3" s="155"/>
      <c r="D3" s="155"/>
      <c r="E3" s="10"/>
      <c r="F3" s="10"/>
      <c r="G3" s="11"/>
      <c r="H3" s="11"/>
      <c r="I3" s="9"/>
      <c r="J3" s="9"/>
      <c r="K3" s="9"/>
      <c r="L3" s="11"/>
      <c r="M3" s="11"/>
      <c r="N3" s="12"/>
    </row>
    <row r="4" spans="2:14" ht="15.75" customHeight="1" x14ac:dyDescent="0.15">
      <c r="B4" s="158"/>
      <c r="E4" s="14"/>
      <c r="F4" s="15"/>
      <c r="G4" s="16" t="s">
        <v>204</v>
      </c>
      <c r="H4" s="16"/>
      <c r="I4" s="17"/>
      <c r="J4" s="18"/>
      <c r="K4" s="19"/>
      <c r="L4" s="20" t="s">
        <v>134</v>
      </c>
      <c r="M4" s="21"/>
      <c r="N4" s="22"/>
    </row>
    <row r="5" spans="2:14" ht="14.25" customHeight="1" x14ac:dyDescent="0.15">
      <c r="B5" s="158"/>
      <c r="C5" s="153" t="s">
        <v>59</v>
      </c>
      <c r="D5" s="153" t="s">
        <v>61</v>
      </c>
      <c r="E5" s="23" t="s">
        <v>58</v>
      </c>
      <c r="F5" s="23" t="s">
        <v>88</v>
      </c>
      <c r="G5" s="447" t="s">
        <v>457</v>
      </c>
      <c r="H5" s="24" t="s">
        <v>367</v>
      </c>
      <c r="I5" s="25" t="s">
        <v>132</v>
      </c>
      <c r="J5" s="26"/>
      <c r="K5" s="26"/>
      <c r="L5" s="27" t="s">
        <v>135</v>
      </c>
      <c r="M5" s="24" t="s">
        <v>45</v>
      </c>
      <c r="N5" s="28" t="s">
        <v>136</v>
      </c>
    </row>
    <row r="6" spans="2:14" x14ac:dyDescent="0.15">
      <c r="B6" s="158"/>
      <c r="C6" s="449"/>
      <c r="D6" s="449"/>
      <c r="E6" s="29"/>
      <c r="F6" s="29" t="s">
        <v>366</v>
      </c>
      <c r="G6" s="30" t="s">
        <v>0</v>
      </c>
      <c r="H6" s="30" t="s">
        <v>205</v>
      </c>
      <c r="I6" s="25" t="s">
        <v>133</v>
      </c>
      <c r="J6" s="31"/>
      <c r="K6" s="32"/>
      <c r="L6" s="24" t="s">
        <v>369</v>
      </c>
      <c r="M6" s="33" t="s">
        <v>368</v>
      </c>
      <c r="N6" s="28"/>
    </row>
    <row r="7" spans="2:14" ht="7.5" customHeight="1" x14ac:dyDescent="0.15">
      <c r="B7" s="160"/>
      <c r="C7" s="195"/>
      <c r="D7" s="196"/>
      <c r="E7" s="37"/>
      <c r="F7" s="37"/>
      <c r="G7" s="38"/>
      <c r="H7" s="39"/>
      <c r="I7" s="40"/>
      <c r="J7" s="36"/>
      <c r="K7" s="41"/>
      <c r="L7" s="40"/>
      <c r="M7" s="39"/>
      <c r="N7" s="42"/>
    </row>
    <row r="8" spans="2:14" ht="7.5" customHeight="1" x14ac:dyDescent="0.15">
      <c r="B8" s="158"/>
      <c r="C8" s="449"/>
      <c r="D8" s="449"/>
      <c r="E8" s="44"/>
      <c r="F8" s="135"/>
      <c r="G8" s="2"/>
      <c r="H8" s="2"/>
      <c r="I8" s="1"/>
      <c r="J8" s="1"/>
      <c r="K8" s="1"/>
      <c r="L8" s="2"/>
      <c r="M8" s="2"/>
      <c r="N8" s="197"/>
    </row>
    <row r="9" spans="2:14" ht="14.25" customHeight="1" x14ac:dyDescent="0.15">
      <c r="B9" s="158"/>
      <c r="C9" s="153" t="s">
        <v>392</v>
      </c>
      <c r="D9" s="153" t="s">
        <v>393</v>
      </c>
      <c r="E9" s="198">
        <v>39</v>
      </c>
      <c r="F9" s="48">
        <v>36</v>
      </c>
      <c r="G9" s="49">
        <v>36</v>
      </c>
      <c r="H9" s="49">
        <v>0</v>
      </c>
      <c r="I9" s="49"/>
      <c r="J9" s="49"/>
      <c r="K9" s="49">
        <v>38</v>
      </c>
      <c r="L9" s="49">
        <v>1</v>
      </c>
      <c r="M9" s="50">
        <v>0.92</v>
      </c>
      <c r="N9" s="51">
        <v>1</v>
      </c>
    </row>
    <row r="10" spans="2:14" ht="14.25" customHeight="1" x14ac:dyDescent="0.15">
      <c r="B10" s="158"/>
      <c r="C10" s="153" t="s">
        <v>408</v>
      </c>
      <c r="D10" s="153" t="s">
        <v>407</v>
      </c>
      <c r="E10" s="198">
        <v>39</v>
      </c>
      <c r="F10" s="48">
        <v>42</v>
      </c>
      <c r="G10" s="49">
        <v>42</v>
      </c>
      <c r="H10" s="49">
        <v>0</v>
      </c>
      <c r="I10" s="49"/>
      <c r="J10" s="49"/>
      <c r="K10" s="49">
        <v>39</v>
      </c>
      <c r="L10" s="49">
        <v>0</v>
      </c>
      <c r="M10" s="50">
        <v>1.08</v>
      </c>
      <c r="N10" s="51">
        <v>0</v>
      </c>
    </row>
    <row r="11" spans="2:14" ht="14.25" customHeight="1" x14ac:dyDescent="0.15">
      <c r="B11" s="158"/>
      <c r="C11" s="153" t="s">
        <v>34</v>
      </c>
      <c r="D11" s="153" t="s">
        <v>329</v>
      </c>
      <c r="E11" s="198">
        <v>39</v>
      </c>
      <c r="F11" s="48">
        <v>45</v>
      </c>
      <c r="G11" s="49">
        <v>44</v>
      </c>
      <c r="H11" s="49">
        <v>1</v>
      </c>
      <c r="I11" s="49"/>
      <c r="J11" s="49"/>
      <c r="K11" s="49">
        <v>39</v>
      </c>
      <c r="L11" s="49">
        <v>0</v>
      </c>
      <c r="M11" s="50">
        <v>1.1499999999999999</v>
      </c>
      <c r="N11" s="51">
        <v>0</v>
      </c>
    </row>
    <row r="12" spans="2:14" ht="14.25" customHeight="1" x14ac:dyDescent="0.15">
      <c r="B12" s="158"/>
      <c r="C12" s="153" t="s">
        <v>35</v>
      </c>
      <c r="D12" s="153" t="s">
        <v>256</v>
      </c>
      <c r="E12" s="198">
        <v>39</v>
      </c>
      <c r="F12" s="48">
        <v>44</v>
      </c>
      <c r="G12" s="49">
        <v>44</v>
      </c>
      <c r="H12" s="49">
        <v>0</v>
      </c>
      <c r="I12" s="49"/>
      <c r="J12" s="49"/>
      <c r="K12" s="49">
        <v>39</v>
      </c>
      <c r="L12" s="49">
        <v>0</v>
      </c>
      <c r="M12" s="50">
        <v>1.1299999999999999</v>
      </c>
      <c r="N12" s="51">
        <v>0</v>
      </c>
    </row>
    <row r="13" spans="2:14" ht="14.25" customHeight="1" x14ac:dyDescent="0.15">
      <c r="B13" s="158"/>
      <c r="D13" s="202" t="s">
        <v>156</v>
      </c>
      <c r="E13" s="181">
        <v>156</v>
      </c>
      <c r="F13" s="203">
        <v>167</v>
      </c>
      <c r="G13" s="203">
        <v>166</v>
      </c>
      <c r="H13" s="203">
        <v>1</v>
      </c>
      <c r="I13" s="203"/>
      <c r="J13" s="203"/>
      <c r="K13" s="203">
        <v>155</v>
      </c>
      <c r="L13" s="203">
        <v>1</v>
      </c>
      <c r="M13" s="204">
        <v>1.07</v>
      </c>
      <c r="N13" s="205">
        <v>1</v>
      </c>
    </row>
    <row r="14" spans="2:14" ht="21.75" customHeight="1" x14ac:dyDescent="0.15">
      <c r="B14" s="158"/>
      <c r="C14" s="153" t="s">
        <v>89</v>
      </c>
      <c r="D14" s="153" t="s">
        <v>90</v>
      </c>
      <c r="E14" s="198">
        <v>39</v>
      </c>
      <c r="F14" s="192">
        <v>53</v>
      </c>
      <c r="G14" s="199">
        <v>53</v>
      </c>
      <c r="H14" s="199">
        <v>0</v>
      </c>
      <c r="I14" s="199"/>
      <c r="J14" s="199"/>
      <c r="K14" s="199">
        <v>39</v>
      </c>
      <c r="L14" s="199">
        <v>0</v>
      </c>
      <c r="M14" s="200">
        <v>1.36</v>
      </c>
      <c r="N14" s="201">
        <v>0</v>
      </c>
    </row>
    <row r="15" spans="2:14" ht="14.25" customHeight="1" x14ac:dyDescent="0.15">
      <c r="B15" s="158"/>
      <c r="C15" s="153" t="s">
        <v>36</v>
      </c>
      <c r="D15" s="153" t="s">
        <v>86</v>
      </c>
      <c r="E15" s="198">
        <v>39</v>
      </c>
      <c r="F15" s="192">
        <v>47</v>
      </c>
      <c r="G15" s="199">
        <v>46</v>
      </c>
      <c r="H15" s="199">
        <v>1</v>
      </c>
      <c r="I15" s="199"/>
      <c r="J15" s="199"/>
      <c r="K15" s="199">
        <v>39</v>
      </c>
      <c r="L15" s="199">
        <v>0</v>
      </c>
      <c r="M15" s="200">
        <v>1.21</v>
      </c>
      <c r="N15" s="201">
        <v>0</v>
      </c>
    </row>
    <row r="16" spans="2:14" ht="14.25" customHeight="1" x14ac:dyDescent="0.15">
      <c r="B16" s="158"/>
      <c r="C16" s="153" t="s">
        <v>34</v>
      </c>
      <c r="D16" s="153" t="s">
        <v>257</v>
      </c>
      <c r="E16" s="198">
        <v>39</v>
      </c>
      <c r="F16" s="192">
        <v>46</v>
      </c>
      <c r="G16" s="199">
        <v>45</v>
      </c>
      <c r="H16" s="199">
        <v>1</v>
      </c>
      <c r="I16" s="199"/>
      <c r="J16" s="199"/>
      <c r="K16" s="199">
        <v>39</v>
      </c>
      <c r="L16" s="199">
        <v>0</v>
      </c>
      <c r="M16" s="200">
        <v>1.18</v>
      </c>
      <c r="N16" s="201">
        <v>0</v>
      </c>
    </row>
    <row r="17" spans="2:14" ht="14.25" customHeight="1" x14ac:dyDescent="0.15">
      <c r="B17" s="158"/>
      <c r="D17" s="202" t="s">
        <v>156</v>
      </c>
      <c r="E17" s="181">
        <v>117</v>
      </c>
      <c r="F17" s="203">
        <v>146</v>
      </c>
      <c r="G17" s="203">
        <v>144</v>
      </c>
      <c r="H17" s="203">
        <v>2</v>
      </c>
      <c r="I17" s="203"/>
      <c r="J17" s="203"/>
      <c r="K17" s="203">
        <v>117</v>
      </c>
      <c r="L17" s="203">
        <v>0</v>
      </c>
      <c r="M17" s="204">
        <v>1.25</v>
      </c>
      <c r="N17" s="205">
        <v>0</v>
      </c>
    </row>
    <row r="18" spans="2:14" ht="21.75" customHeight="1" x14ac:dyDescent="0.15">
      <c r="B18" s="158"/>
      <c r="C18" s="153" t="s">
        <v>93</v>
      </c>
      <c r="D18" s="153" t="s">
        <v>87</v>
      </c>
      <c r="E18" s="198">
        <v>79</v>
      </c>
      <c r="F18" s="192">
        <v>58</v>
      </c>
      <c r="G18" s="199">
        <v>57</v>
      </c>
      <c r="H18" s="199">
        <v>1</v>
      </c>
      <c r="I18" s="199"/>
      <c r="J18" s="199"/>
      <c r="K18" s="199">
        <v>64</v>
      </c>
      <c r="L18" s="199">
        <v>0</v>
      </c>
      <c r="M18" s="200">
        <v>0.91</v>
      </c>
      <c r="N18" s="201">
        <v>15</v>
      </c>
    </row>
    <row r="19" spans="2:14" ht="14.25" customHeight="1" x14ac:dyDescent="0.15">
      <c r="B19" s="158"/>
      <c r="C19" s="153" t="s">
        <v>35</v>
      </c>
      <c r="D19" s="153" t="s">
        <v>90</v>
      </c>
      <c r="E19" s="198">
        <v>39</v>
      </c>
      <c r="F19" s="192">
        <v>51</v>
      </c>
      <c r="G19" s="199">
        <v>51</v>
      </c>
      <c r="H19" s="199">
        <v>0</v>
      </c>
      <c r="I19" s="199"/>
      <c r="J19" s="199"/>
      <c r="K19" s="199">
        <v>39</v>
      </c>
      <c r="L19" s="199">
        <v>0</v>
      </c>
      <c r="M19" s="200">
        <v>1.31</v>
      </c>
      <c r="N19" s="201">
        <v>0</v>
      </c>
    </row>
    <row r="20" spans="2:14" ht="14.25" customHeight="1" x14ac:dyDescent="0.15">
      <c r="B20" s="158"/>
      <c r="C20" s="153" t="s">
        <v>36</v>
      </c>
      <c r="D20" s="153" t="s">
        <v>256</v>
      </c>
      <c r="E20" s="198">
        <v>79</v>
      </c>
      <c r="F20" s="192">
        <v>72</v>
      </c>
      <c r="G20" s="199">
        <v>72</v>
      </c>
      <c r="H20" s="199">
        <v>0</v>
      </c>
      <c r="I20" s="199"/>
      <c r="J20" s="199"/>
      <c r="K20" s="199">
        <v>76</v>
      </c>
      <c r="L20" s="199">
        <v>1</v>
      </c>
      <c r="M20" s="200">
        <v>0.93</v>
      </c>
      <c r="N20" s="201">
        <v>3</v>
      </c>
    </row>
    <row r="21" spans="2:14" ht="14.25" customHeight="1" x14ac:dyDescent="0.15">
      <c r="B21" s="158"/>
      <c r="D21" s="202" t="s">
        <v>156</v>
      </c>
      <c r="E21" s="181">
        <v>197</v>
      </c>
      <c r="F21" s="203">
        <v>181</v>
      </c>
      <c r="G21" s="203">
        <v>180</v>
      </c>
      <c r="H21" s="203">
        <v>1</v>
      </c>
      <c r="I21" s="203"/>
      <c r="J21" s="203"/>
      <c r="K21" s="203">
        <v>179</v>
      </c>
      <c r="L21" s="203">
        <v>1</v>
      </c>
      <c r="M21" s="204">
        <v>1.01</v>
      </c>
      <c r="N21" s="205">
        <v>18</v>
      </c>
    </row>
    <row r="22" spans="2:14" ht="7.5" customHeight="1" x14ac:dyDescent="0.15">
      <c r="B22" s="170"/>
      <c r="C22" s="206"/>
      <c r="D22" s="206"/>
      <c r="E22" s="207"/>
      <c r="F22" s="208"/>
      <c r="G22" s="208"/>
      <c r="H22" s="208"/>
      <c r="I22" s="209"/>
      <c r="J22" s="209"/>
      <c r="K22" s="209"/>
      <c r="L22" s="210"/>
      <c r="M22" s="211"/>
      <c r="N22" s="212"/>
    </row>
    <row r="23" spans="2:14" ht="7.5" customHeight="1" x14ac:dyDescent="0.15">
      <c r="B23" s="158"/>
      <c r="E23" s="198"/>
      <c r="I23" s="199"/>
      <c r="J23" s="199"/>
      <c r="K23" s="199"/>
      <c r="L23" s="166"/>
      <c r="M23" s="213"/>
      <c r="N23" s="214"/>
    </row>
    <row r="24" spans="2:14" ht="14.25" customHeight="1" x14ac:dyDescent="0.15">
      <c r="B24" s="158"/>
      <c r="C24" s="480" t="s">
        <v>64</v>
      </c>
      <c r="D24" s="481"/>
      <c r="E24" s="181">
        <v>470</v>
      </c>
      <c r="F24" s="182">
        <v>494</v>
      </c>
      <c r="G24" s="182">
        <v>490</v>
      </c>
      <c r="H24" s="182">
        <v>4</v>
      </c>
      <c r="I24" s="203"/>
      <c r="J24" s="203"/>
      <c r="K24" s="203">
        <v>451</v>
      </c>
      <c r="L24" s="203">
        <v>2</v>
      </c>
      <c r="M24" s="204">
        <v>1.0900000000000001</v>
      </c>
      <c r="N24" s="205">
        <v>19</v>
      </c>
    </row>
    <row r="25" spans="2:14" ht="7.5" customHeight="1" x14ac:dyDescent="0.15">
      <c r="B25" s="160"/>
      <c r="C25" s="161"/>
      <c r="D25" s="161"/>
      <c r="E25" s="215"/>
      <c r="F25" s="161"/>
      <c r="G25" s="161"/>
      <c r="H25" s="161"/>
      <c r="I25" s="195"/>
      <c r="J25" s="195"/>
      <c r="K25" s="195"/>
      <c r="L25" s="161"/>
      <c r="M25" s="161"/>
      <c r="N25" s="216"/>
    </row>
    <row r="26" spans="2:14" x14ac:dyDescent="0.15">
      <c r="B26" s="416" t="s">
        <v>467</v>
      </c>
      <c r="E26" s="153"/>
      <c r="F26" s="153"/>
      <c r="G26" s="153"/>
      <c r="H26" s="153"/>
      <c r="I26" s="449"/>
      <c r="J26" s="449"/>
      <c r="K26" s="449"/>
      <c r="L26" s="153"/>
      <c r="M26" s="153"/>
      <c r="N26" s="153"/>
    </row>
    <row r="27" spans="2:14" x14ac:dyDescent="0.15">
      <c r="B27" s="416" t="s">
        <v>464</v>
      </c>
      <c r="E27" s="153"/>
      <c r="F27" s="153"/>
      <c r="G27" s="153"/>
      <c r="H27" s="153"/>
      <c r="I27" s="449"/>
      <c r="J27" s="449"/>
      <c r="K27" s="449"/>
      <c r="L27" s="153"/>
      <c r="M27" s="153"/>
      <c r="N27" s="153"/>
    </row>
    <row r="28" spans="2:14" x14ac:dyDescent="0.15">
      <c r="E28" s="217"/>
      <c r="F28" s="217"/>
      <c r="G28" s="153"/>
      <c r="H28" s="153"/>
      <c r="L28" s="153"/>
      <c r="M28" s="153"/>
      <c r="N28" s="153"/>
    </row>
    <row r="29" spans="2:14" ht="14.25" customHeight="1" x14ac:dyDescent="0.15">
      <c r="B29" s="153" t="s">
        <v>311</v>
      </c>
      <c r="I29" s="449"/>
      <c r="J29" s="449"/>
      <c r="K29" s="449"/>
    </row>
    <row r="30" spans="2:14" ht="7.5" customHeight="1" x14ac:dyDescent="0.15">
      <c r="B30" s="154"/>
      <c r="C30" s="155"/>
      <c r="D30" s="155"/>
      <c r="E30" s="10"/>
      <c r="F30" s="10"/>
      <c r="G30" s="11"/>
      <c r="H30" s="11"/>
      <c r="I30" s="9"/>
      <c r="J30" s="9"/>
      <c r="K30" s="9"/>
      <c r="L30" s="11"/>
      <c r="M30" s="11"/>
      <c r="N30" s="12"/>
    </row>
    <row r="31" spans="2:14" ht="15.75" customHeight="1" x14ac:dyDescent="0.15">
      <c r="B31" s="158"/>
      <c r="E31" s="14"/>
      <c r="F31" s="15"/>
      <c r="G31" s="16" t="s">
        <v>204</v>
      </c>
      <c r="H31" s="16"/>
      <c r="I31" s="17"/>
      <c r="J31" s="18"/>
      <c r="K31" s="19"/>
      <c r="L31" s="20" t="s">
        <v>134</v>
      </c>
      <c r="M31" s="21"/>
      <c r="N31" s="22"/>
    </row>
    <row r="32" spans="2:14" ht="14.25" customHeight="1" x14ac:dyDescent="0.15">
      <c r="B32" s="158"/>
      <c r="C32" s="153" t="s">
        <v>59</v>
      </c>
      <c r="D32" s="153" t="s">
        <v>61</v>
      </c>
      <c r="E32" s="23" t="s">
        <v>58</v>
      </c>
      <c r="F32" s="23" t="s">
        <v>88</v>
      </c>
      <c r="G32" s="447" t="s">
        <v>457</v>
      </c>
      <c r="H32" s="24" t="s">
        <v>367</v>
      </c>
      <c r="I32" s="25" t="s">
        <v>132</v>
      </c>
      <c r="J32" s="26"/>
      <c r="K32" s="26"/>
      <c r="L32" s="27" t="s">
        <v>135</v>
      </c>
      <c r="M32" s="24" t="s">
        <v>45</v>
      </c>
      <c r="N32" s="28" t="s">
        <v>136</v>
      </c>
    </row>
    <row r="33" spans="2:14" ht="14.25" customHeight="1" x14ac:dyDescent="0.15">
      <c r="B33" s="158"/>
      <c r="C33" s="449"/>
      <c r="D33" s="449"/>
      <c r="E33" s="29"/>
      <c r="F33" s="29" t="s">
        <v>366</v>
      </c>
      <c r="G33" s="30" t="s">
        <v>0</v>
      </c>
      <c r="H33" s="30" t="s">
        <v>205</v>
      </c>
      <c r="I33" s="25" t="s">
        <v>133</v>
      </c>
      <c r="J33" s="31"/>
      <c r="K33" s="32"/>
      <c r="L33" s="24" t="s">
        <v>369</v>
      </c>
      <c r="M33" s="33" t="s">
        <v>368</v>
      </c>
      <c r="N33" s="28"/>
    </row>
    <row r="34" spans="2:14" ht="7.5" customHeight="1" x14ac:dyDescent="0.15">
      <c r="B34" s="160"/>
      <c r="C34" s="195"/>
      <c r="D34" s="196"/>
      <c r="E34" s="37"/>
      <c r="F34" s="37"/>
      <c r="G34" s="38"/>
      <c r="H34" s="39"/>
      <c r="I34" s="40"/>
      <c r="J34" s="36"/>
      <c r="K34" s="41"/>
      <c r="L34" s="40"/>
      <c r="M34" s="39"/>
      <c r="N34" s="42"/>
    </row>
    <row r="35" spans="2:14" ht="7.5" customHeight="1" x14ac:dyDescent="0.15">
      <c r="B35" s="154"/>
      <c r="C35" s="449"/>
      <c r="D35" s="449"/>
      <c r="E35" s="44"/>
      <c r="F35" s="135"/>
      <c r="G35" s="2"/>
      <c r="H35" s="2"/>
      <c r="I35" s="1"/>
      <c r="J35" s="1"/>
      <c r="K35" s="1"/>
      <c r="L35" s="2"/>
      <c r="M35" s="2"/>
      <c r="N35" s="197"/>
    </row>
    <row r="36" spans="2:14" x14ac:dyDescent="0.15">
      <c r="B36" s="158"/>
      <c r="C36" s="153" t="s">
        <v>69</v>
      </c>
      <c r="D36" s="153" t="s">
        <v>94</v>
      </c>
      <c r="E36" s="198">
        <v>79</v>
      </c>
      <c r="F36" s="192">
        <v>96</v>
      </c>
      <c r="G36" s="199">
        <v>95</v>
      </c>
      <c r="H36" s="199">
        <v>1</v>
      </c>
      <c r="I36" s="199"/>
      <c r="J36" s="199"/>
      <c r="K36" s="199">
        <v>80</v>
      </c>
      <c r="L36" s="199">
        <v>0</v>
      </c>
      <c r="M36" s="200">
        <v>1.2</v>
      </c>
      <c r="N36" s="201">
        <v>0</v>
      </c>
    </row>
    <row r="37" spans="2:14" ht="14.25" customHeight="1" x14ac:dyDescent="0.15">
      <c r="B37" s="158"/>
      <c r="C37" s="153" t="s">
        <v>37</v>
      </c>
      <c r="D37" s="153" t="s">
        <v>95</v>
      </c>
      <c r="E37" s="198">
        <v>79</v>
      </c>
      <c r="F37" s="192">
        <v>90</v>
      </c>
      <c r="G37" s="199">
        <v>90</v>
      </c>
      <c r="H37" s="199">
        <v>0</v>
      </c>
      <c r="I37" s="199"/>
      <c r="J37" s="199"/>
      <c r="K37" s="199">
        <v>80</v>
      </c>
      <c r="L37" s="199">
        <v>1</v>
      </c>
      <c r="M37" s="200">
        <v>1.1100000000000001</v>
      </c>
      <c r="N37" s="201">
        <v>0</v>
      </c>
    </row>
    <row r="38" spans="2:14" ht="14.25" customHeight="1" x14ac:dyDescent="0.15">
      <c r="B38" s="158"/>
      <c r="C38" s="153" t="s">
        <v>38</v>
      </c>
      <c r="D38" s="153" t="s">
        <v>96</v>
      </c>
      <c r="E38" s="198">
        <v>119</v>
      </c>
      <c r="F38" s="192">
        <v>128</v>
      </c>
      <c r="G38" s="199">
        <v>126</v>
      </c>
      <c r="H38" s="199">
        <v>2</v>
      </c>
      <c r="I38" s="199"/>
      <c r="J38" s="199"/>
      <c r="K38" s="199">
        <v>120</v>
      </c>
      <c r="L38" s="199">
        <v>1</v>
      </c>
      <c r="M38" s="200">
        <v>1.06</v>
      </c>
      <c r="N38" s="201">
        <v>0</v>
      </c>
    </row>
    <row r="39" spans="2:14" ht="14.25" customHeight="1" x14ac:dyDescent="0.15">
      <c r="B39" s="158"/>
      <c r="C39" s="153" t="s">
        <v>39</v>
      </c>
      <c r="D39" s="153" t="s">
        <v>97</v>
      </c>
      <c r="E39" s="198">
        <v>39</v>
      </c>
      <c r="F39" s="192">
        <v>53</v>
      </c>
      <c r="G39" s="199">
        <v>53</v>
      </c>
      <c r="H39" s="199">
        <v>0</v>
      </c>
      <c r="I39" s="199"/>
      <c r="J39" s="199"/>
      <c r="K39" s="199">
        <v>40</v>
      </c>
      <c r="L39" s="199">
        <v>0</v>
      </c>
      <c r="M39" s="200">
        <v>1.33</v>
      </c>
      <c r="N39" s="201">
        <v>0</v>
      </c>
    </row>
    <row r="40" spans="2:14" ht="14.25" customHeight="1" x14ac:dyDescent="0.15">
      <c r="B40" s="158"/>
      <c r="D40" s="202" t="s">
        <v>156</v>
      </c>
      <c r="E40" s="181">
        <v>316</v>
      </c>
      <c r="F40" s="203">
        <v>367</v>
      </c>
      <c r="G40" s="203">
        <v>364</v>
      </c>
      <c r="H40" s="203">
        <v>3</v>
      </c>
      <c r="I40" s="203"/>
      <c r="J40" s="203"/>
      <c r="K40" s="203">
        <v>320</v>
      </c>
      <c r="L40" s="203">
        <v>2</v>
      </c>
      <c r="M40" s="220">
        <v>1.1399999999999999</v>
      </c>
      <c r="N40" s="221">
        <v>0</v>
      </c>
    </row>
    <row r="41" spans="2:14" ht="21.75" customHeight="1" x14ac:dyDescent="0.15">
      <c r="B41" s="158"/>
      <c r="C41" s="153" t="s">
        <v>98</v>
      </c>
      <c r="D41" s="153" t="s">
        <v>181</v>
      </c>
      <c r="E41" s="198">
        <v>119</v>
      </c>
      <c r="F41" s="192">
        <v>120</v>
      </c>
      <c r="G41" s="199">
        <v>120</v>
      </c>
      <c r="H41" s="199">
        <v>0</v>
      </c>
      <c r="I41" s="199"/>
      <c r="J41" s="199"/>
      <c r="K41" s="199">
        <v>119</v>
      </c>
      <c r="L41" s="199">
        <v>0</v>
      </c>
      <c r="M41" s="200">
        <v>1.01</v>
      </c>
      <c r="N41" s="201">
        <v>0</v>
      </c>
    </row>
    <row r="42" spans="2:14" ht="21.75" customHeight="1" x14ac:dyDescent="0.15">
      <c r="B42" s="158"/>
      <c r="C42" s="153" t="s">
        <v>100</v>
      </c>
      <c r="D42" s="153" t="s">
        <v>94</v>
      </c>
      <c r="E42" s="198">
        <v>79</v>
      </c>
      <c r="F42" s="192">
        <v>54</v>
      </c>
      <c r="G42" s="199">
        <v>53</v>
      </c>
      <c r="H42" s="199">
        <v>1</v>
      </c>
      <c r="I42" s="199"/>
      <c r="J42" s="199"/>
      <c r="K42" s="199">
        <v>54</v>
      </c>
      <c r="L42" s="199">
        <v>0</v>
      </c>
      <c r="M42" s="200">
        <v>1</v>
      </c>
      <c r="N42" s="201">
        <v>25</v>
      </c>
    </row>
    <row r="43" spans="2:14" ht="14.25" customHeight="1" x14ac:dyDescent="0.15">
      <c r="B43" s="158"/>
      <c r="C43" s="153" t="s">
        <v>37</v>
      </c>
      <c r="D43" s="153" t="s">
        <v>96</v>
      </c>
      <c r="E43" s="198">
        <v>79</v>
      </c>
      <c r="F43" s="192">
        <v>65</v>
      </c>
      <c r="G43" s="199">
        <v>64</v>
      </c>
      <c r="H43" s="199">
        <v>1</v>
      </c>
      <c r="I43" s="199"/>
      <c r="J43" s="199"/>
      <c r="K43" s="199">
        <v>65</v>
      </c>
      <c r="L43" s="199">
        <v>0</v>
      </c>
      <c r="M43" s="200">
        <v>1</v>
      </c>
      <c r="N43" s="201">
        <v>14</v>
      </c>
    </row>
    <row r="44" spans="2:14" ht="14.25" customHeight="1" x14ac:dyDescent="0.15">
      <c r="B44" s="158"/>
      <c r="C44" s="153" t="s">
        <v>39</v>
      </c>
      <c r="D44" s="153" t="s">
        <v>95</v>
      </c>
      <c r="E44" s="198">
        <v>39</v>
      </c>
      <c r="F44" s="192">
        <v>33</v>
      </c>
      <c r="G44" s="199">
        <v>33</v>
      </c>
      <c r="H44" s="199">
        <v>0</v>
      </c>
      <c r="I44" s="199"/>
      <c r="J44" s="199"/>
      <c r="K44" s="199">
        <v>32</v>
      </c>
      <c r="L44" s="199">
        <v>1</v>
      </c>
      <c r="M44" s="200">
        <v>1</v>
      </c>
      <c r="N44" s="201">
        <v>7</v>
      </c>
    </row>
    <row r="45" spans="2:14" ht="14.25" customHeight="1" x14ac:dyDescent="0.15">
      <c r="B45" s="158"/>
      <c r="C45" s="153" t="s">
        <v>38</v>
      </c>
      <c r="D45" s="153" t="s">
        <v>99</v>
      </c>
      <c r="E45" s="198">
        <v>39</v>
      </c>
      <c r="F45" s="192">
        <v>14</v>
      </c>
      <c r="G45" s="199">
        <v>14</v>
      </c>
      <c r="H45" s="199">
        <v>0</v>
      </c>
      <c r="I45" s="199"/>
      <c r="J45" s="199"/>
      <c r="K45" s="199">
        <v>14</v>
      </c>
      <c r="L45" s="199">
        <v>0</v>
      </c>
      <c r="M45" s="200">
        <v>1</v>
      </c>
      <c r="N45" s="201">
        <v>25</v>
      </c>
    </row>
    <row r="46" spans="2:14" ht="14.25" customHeight="1" x14ac:dyDescent="0.15">
      <c r="B46" s="158"/>
      <c r="D46" s="202" t="s">
        <v>156</v>
      </c>
      <c r="E46" s="181">
        <v>236</v>
      </c>
      <c r="F46" s="203">
        <v>166</v>
      </c>
      <c r="G46" s="203">
        <v>164</v>
      </c>
      <c r="H46" s="203">
        <v>2</v>
      </c>
      <c r="I46" s="203"/>
      <c r="J46" s="203"/>
      <c r="K46" s="203">
        <v>165</v>
      </c>
      <c r="L46" s="203">
        <v>1</v>
      </c>
      <c r="M46" s="220">
        <v>1</v>
      </c>
      <c r="N46" s="221">
        <v>71</v>
      </c>
    </row>
    <row r="47" spans="2:14" ht="21.75" customHeight="1" x14ac:dyDescent="0.15">
      <c r="B47" s="158"/>
      <c r="C47" s="153" t="s">
        <v>180</v>
      </c>
      <c r="D47" s="153" t="s">
        <v>181</v>
      </c>
      <c r="E47" s="198">
        <v>239</v>
      </c>
      <c r="F47" s="192">
        <v>190</v>
      </c>
      <c r="G47" s="199">
        <v>188</v>
      </c>
      <c r="H47" s="199">
        <v>2</v>
      </c>
      <c r="I47" s="199"/>
      <c r="J47" s="199"/>
      <c r="K47" s="199">
        <v>189</v>
      </c>
      <c r="L47" s="199">
        <v>1</v>
      </c>
      <c r="M47" s="200">
        <v>1</v>
      </c>
      <c r="N47" s="201">
        <v>50</v>
      </c>
    </row>
    <row r="48" spans="2:14" ht="21.75" customHeight="1" x14ac:dyDescent="0.15">
      <c r="B48" s="158"/>
      <c r="C48" s="153" t="s">
        <v>101</v>
      </c>
      <c r="D48" s="153" t="s">
        <v>94</v>
      </c>
      <c r="E48" s="198">
        <v>79</v>
      </c>
      <c r="F48" s="192">
        <v>62</v>
      </c>
      <c r="G48" s="199">
        <v>61</v>
      </c>
      <c r="H48" s="199">
        <v>1</v>
      </c>
      <c r="I48" s="199"/>
      <c r="J48" s="199"/>
      <c r="K48" s="199">
        <v>61</v>
      </c>
      <c r="L48" s="199">
        <v>1</v>
      </c>
      <c r="M48" s="200">
        <v>1</v>
      </c>
      <c r="N48" s="201">
        <v>18</v>
      </c>
    </row>
    <row r="49" spans="2:14" ht="14.25" customHeight="1" x14ac:dyDescent="0.15">
      <c r="B49" s="158"/>
      <c r="C49" s="153" t="s">
        <v>37</v>
      </c>
      <c r="D49" s="153" t="s">
        <v>95</v>
      </c>
      <c r="E49" s="198">
        <v>79</v>
      </c>
      <c r="F49" s="192">
        <v>57</v>
      </c>
      <c r="G49" s="199">
        <v>57</v>
      </c>
      <c r="H49" s="199">
        <v>0</v>
      </c>
      <c r="I49" s="199"/>
      <c r="J49" s="199"/>
      <c r="K49" s="199">
        <v>57</v>
      </c>
      <c r="L49" s="199">
        <v>0</v>
      </c>
      <c r="M49" s="200">
        <v>1</v>
      </c>
      <c r="N49" s="201">
        <v>22</v>
      </c>
    </row>
    <row r="50" spans="2:14" ht="14.25" customHeight="1" x14ac:dyDescent="0.15">
      <c r="B50" s="158"/>
      <c r="C50" s="153" t="s">
        <v>39</v>
      </c>
      <c r="D50" s="153" t="s">
        <v>330</v>
      </c>
      <c r="E50" s="198">
        <v>79</v>
      </c>
      <c r="F50" s="192">
        <v>73</v>
      </c>
      <c r="G50" s="199">
        <v>73</v>
      </c>
      <c r="H50" s="199">
        <v>0</v>
      </c>
      <c r="I50" s="199"/>
      <c r="J50" s="199"/>
      <c r="K50" s="199">
        <v>73</v>
      </c>
      <c r="L50" s="199">
        <v>0</v>
      </c>
      <c r="M50" s="200">
        <v>1</v>
      </c>
      <c r="N50" s="201">
        <v>6</v>
      </c>
    </row>
    <row r="51" spans="2:14" ht="14.25" customHeight="1" x14ac:dyDescent="0.15">
      <c r="B51" s="158"/>
      <c r="D51" s="202" t="s">
        <v>156</v>
      </c>
      <c r="E51" s="181">
        <v>237</v>
      </c>
      <c r="F51" s="203">
        <v>192</v>
      </c>
      <c r="G51" s="203">
        <v>191</v>
      </c>
      <c r="H51" s="203">
        <v>1</v>
      </c>
      <c r="I51" s="203"/>
      <c r="J51" s="203"/>
      <c r="K51" s="203">
        <v>191</v>
      </c>
      <c r="L51" s="203">
        <v>1</v>
      </c>
      <c r="M51" s="220">
        <v>1</v>
      </c>
      <c r="N51" s="221">
        <v>46</v>
      </c>
    </row>
    <row r="52" spans="2:14" ht="7.5" customHeight="1" x14ac:dyDescent="0.15">
      <c r="B52" s="160"/>
      <c r="C52" s="161"/>
      <c r="D52" s="161"/>
      <c r="E52" s="188"/>
      <c r="F52" s="189"/>
      <c r="G52" s="189"/>
      <c r="H52" s="189"/>
      <c r="I52" s="190"/>
      <c r="J52" s="190"/>
      <c r="K52" s="190"/>
      <c r="L52" s="189"/>
      <c r="M52" s="189"/>
      <c r="N52" s="191"/>
    </row>
    <row r="53" spans="2:14" x14ac:dyDescent="0.15">
      <c r="B53" s="482"/>
      <c r="C53" s="482"/>
      <c r="D53" s="482"/>
      <c r="E53" s="482"/>
      <c r="F53" s="482"/>
      <c r="G53" s="482"/>
      <c r="H53" s="482"/>
      <c r="I53" s="482"/>
      <c r="J53" s="482"/>
      <c r="K53" s="482"/>
      <c r="L53" s="482"/>
      <c r="M53" s="482"/>
      <c r="N53" s="482"/>
    </row>
    <row r="54" spans="2:14" x14ac:dyDescent="0.15">
      <c r="B54" s="222"/>
      <c r="C54" s="222"/>
      <c r="D54" s="222"/>
      <c r="E54" s="222"/>
      <c r="F54" s="222"/>
      <c r="G54" s="222"/>
      <c r="H54" s="222"/>
      <c r="I54" s="222"/>
      <c r="J54" s="222"/>
      <c r="K54" s="222"/>
      <c r="L54" s="222"/>
      <c r="M54" s="222"/>
      <c r="N54" s="222"/>
    </row>
    <row r="55" spans="2:14" ht="7.5" customHeight="1" x14ac:dyDescent="0.15">
      <c r="B55" s="154"/>
      <c r="C55" s="155"/>
      <c r="D55" s="155"/>
      <c r="E55" s="10"/>
      <c r="F55" s="10"/>
      <c r="G55" s="11"/>
      <c r="H55" s="11"/>
      <c r="I55" s="9"/>
      <c r="J55" s="9"/>
      <c r="K55" s="9"/>
      <c r="L55" s="11"/>
      <c r="M55" s="11"/>
      <c r="N55" s="12"/>
    </row>
    <row r="56" spans="2:14" ht="15.75" customHeight="1" x14ac:dyDescent="0.15">
      <c r="B56" s="158"/>
      <c r="E56" s="14"/>
      <c r="F56" s="15"/>
      <c r="G56" s="16" t="s">
        <v>204</v>
      </c>
      <c r="H56" s="16"/>
      <c r="I56" s="17"/>
      <c r="J56" s="18"/>
      <c r="K56" s="19"/>
      <c r="L56" s="20" t="s">
        <v>134</v>
      </c>
      <c r="M56" s="21"/>
      <c r="N56" s="22"/>
    </row>
    <row r="57" spans="2:14" ht="14.25" customHeight="1" x14ac:dyDescent="0.15">
      <c r="B57" s="158"/>
      <c r="C57" s="153" t="s">
        <v>59</v>
      </c>
      <c r="D57" s="153" t="s">
        <v>61</v>
      </c>
      <c r="E57" s="23" t="s">
        <v>58</v>
      </c>
      <c r="F57" s="23" t="s">
        <v>88</v>
      </c>
      <c r="G57" s="447" t="s">
        <v>457</v>
      </c>
      <c r="H57" s="24" t="s">
        <v>367</v>
      </c>
      <c r="I57" s="25" t="s">
        <v>132</v>
      </c>
      <c r="J57" s="26"/>
      <c r="K57" s="26"/>
      <c r="L57" s="27" t="s">
        <v>135</v>
      </c>
      <c r="M57" s="24" t="s">
        <v>45</v>
      </c>
      <c r="N57" s="28" t="s">
        <v>136</v>
      </c>
    </row>
    <row r="58" spans="2:14" ht="14.25" customHeight="1" x14ac:dyDescent="0.15">
      <c r="B58" s="158"/>
      <c r="C58" s="449"/>
      <c r="D58" s="449"/>
      <c r="E58" s="29"/>
      <c r="F58" s="29" t="s">
        <v>366</v>
      </c>
      <c r="G58" s="30" t="s">
        <v>0</v>
      </c>
      <c r="H58" s="30" t="s">
        <v>205</v>
      </c>
      <c r="I58" s="25" t="s">
        <v>133</v>
      </c>
      <c r="J58" s="31"/>
      <c r="K58" s="32"/>
      <c r="L58" s="24" t="s">
        <v>369</v>
      </c>
      <c r="M58" s="33" t="s">
        <v>368</v>
      </c>
      <c r="N58" s="28"/>
    </row>
    <row r="59" spans="2:14" ht="7.5" customHeight="1" x14ac:dyDescent="0.15">
      <c r="B59" s="160"/>
      <c r="C59" s="195"/>
      <c r="D59" s="195"/>
      <c r="E59" s="37"/>
      <c r="F59" s="37"/>
      <c r="G59" s="38"/>
      <c r="H59" s="39"/>
      <c r="I59" s="40"/>
      <c r="J59" s="36"/>
      <c r="K59" s="41"/>
      <c r="L59" s="40"/>
      <c r="M59" s="39"/>
      <c r="N59" s="42"/>
    </row>
    <row r="60" spans="2:14" ht="7.5" customHeight="1" x14ac:dyDescent="0.15">
      <c r="B60" s="154"/>
      <c r="C60" s="223"/>
      <c r="D60" s="223"/>
      <c r="E60" s="44"/>
      <c r="F60" s="10"/>
      <c r="G60" s="11"/>
      <c r="H60" s="11"/>
      <c r="I60" s="9"/>
      <c r="J60" s="9"/>
      <c r="K60" s="9"/>
      <c r="L60" s="11"/>
      <c r="M60" s="11"/>
      <c r="N60" s="12"/>
    </row>
    <row r="61" spans="2:14" x14ac:dyDescent="0.15">
      <c r="B61" s="158"/>
      <c r="C61" s="153" t="s">
        <v>102</v>
      </c>
      <c r="D61" s="153" t="s">
        <v>94</v>
      </c>
      <c r="E61" s="198">
        <v>79</v>
      </c>
      <c r="F61" s="192">
        <v>70</v>
      </c>
      <c r="G61" s="199">
        <v>70</v>
      </c>
      <c r="H61" s="199">
        <v>0</v>
      </c>
      <c r="I61" s="199"/>
      <c r="J61" s="199"/>
      <c r="K61" s="199">
        <v>70</v>
      </c>
      <c r="L61" s="199">
        <v>0</v>
      </c>
      <c r="M61" s="200">
        <v>1</v>
      </c>
      <c r="N61" s="201">
        <v>9</v>
      </c>
    </row>
    <row r="62" spans="2:14" ht="14.25" customHeight="1" x14ac:dyDescent="0.15">
      <c r="B62" s="158"/>
      <c r="C62" s="153" t="s">
        <v>37</v>
      </c>
      <c r="D62" s="153" t="s">
        <v>96</v>
      </c>
      <c r="E62" s="198">
        <v>79</v>
      </c>
      <c r="F62" s="192">
        <v>72</v>
      </c>
      <c r="G62" s="199">
        <v>72</v>
      </c>
      <c r="H62" s="199">
        <v>0</v>
      </c>
      <c r="I62" s="199"/>
      <c r="J62" s="199"/>
      <c r="K62" s="199">
        <v>72</v>
      </c>
      <c r="L62" s="199">
        <v>0</v>
      </c>
      <c r="M62" s="200">
        <v>1</v>
      </c>
      <c r="N62" s="201">
        <v>7</v>
      </c>
    </row>
    <row r="63" spans="2:14" ht="14.25" customHeight="1" x14ac:dyDescent="0.15">
      <c r="B63" s="158"/>
      <c r="C63" s="153" t="s">
        <v>408</v>
      </c>
      <c r="D63" s="153" t="s">
        <v>415</v>
      </c>
      <c r="E63" s="198">
        <v>39</v>
      </c>
      <c r="F63" s="192">
        <v>39</v>
      </c>
      <c r="G63" s="199">
        <v>39</v>
      </c>
      <c r="H63" s="199">
        <v>0</v>
      </c>
      <c r="I63" s="199"/>
      <c r="J63" s="199"/>
      <c r="K63" s="199">
        <v>39</v>
      </c>
      <c r="L63" s="199">
        <v>0</v>
      </c>
      <c r="M63" s="200">
        <v>1</v>
      </c>
      <c r="N63" s="201">
        <v>0</v>
      </c>
    </row>
    <row r="64" spans="2:14" ht="15" customHeight="1" x14ac:dyDescent="0.15">
      <c r="B64" s="158"/>
      <c r="C64" s="153" t="s">
        <v>39</v>
      </c>
      <c r="D64" s="153" t="s">
        <v>99</v>
      </c>
      <c r="E64" s="198">
        <v>39</v>
      </c>
      <c r="F64" s="192">
        <v>24</v>
      </c>
      <c r="G64" s="199">
        <v>23</v>
      </c>
      <c r="H64" s="199">
        <v>1</v>
      </c>
      <c r="I64" s="199"/>
      <c r="J64" s="199"/>
      <c r="K64" s="199">
        <v>24</v>
      </c>
      <c r="L64" s="199">
        <v>0</v>
      </c>
      <c r="M64" s="200">
        <v>1</v>
      </c>
      <c r="N64" s="201">
        <v>15</v>
      </c>
    </row>
    <row r="65" spans="2:14" ht="14.25" customHeight="1" x14ac:dyDescent="0.15">
      <c r="B65" s="158"/>
      <c r="D65" s="202" t="s">
        <v>156</v>
      </c>
      <c r="E65" s="181">
        <v>236</v>
      </c>
      <c r="F65" s="183">
        <v>205</v>
      </c>
      <c r="G65" s="183">
        <v>204</v>
      </c>
      <c r="H65" s="183">
        <v>1</v>
      </c>
      <c r="I65" s="183"/>
      <c r="J65" s="183"/>
      <c r="K65" s="183">
        <v>205</v>
      </c>
      <c r="L65" s="183">
        <v>0</v>
      </c>
      <c r="M65" s="204">
        <v>1</v>
      </c>
      <c r="N65" s="224">
        <v>31</v>
      </c>
    </row>
    <row r="66" spans="2:14" ht="21.75" customHeight="1" x14ac:dyDescent="0.15">
      <c r="B66" s="158"/>
      <c r="C66" s="153" t="s">
        <v>103</v>
      </c>
      <c r="D66" s="153" t="s">
        <v>104</v>
      </c>
      <c r="E66" s="198">
        <v>239</v>
      </c>
      <c r="F66" s="192">
        <v>157</v>
      </c>
      <c r="G66" s="199">
        <v>156</v>
      </c>
      <c r="H66" s="199">
        <v>1</v>
      </c>
      <c r="I66" s="199"/>
      <c r="J66" s="199"/>
      <c r="K66" s="199">
        <v>157</v>
      </c>
      <c r="L66" s="199">
        <v>0</v>
      </c>
      <c r="M66" s="200">
        <v>1</v>
      </c>
      <c r="N66" s="201">
        <v>82</v>
      </c>
    </row>
    <row r="67" spans="2:14" ht="21.75" customHeight="1" x14ac:dyDescent="0.15">
      <c r="B67" s="158"/>
      <c r="C67" s="153" t="s">
        <v>105</v>
      </c>
      <c r="D67" s="153" t="s">
        <v>104</v>
      </c>
      <c r="E67" s="198">
        <v>239</v>
      </c>
      <c r="F67" s="192">
        <v>192</v>
      </c>
      <c r="G67" s="199">
        <v>190</v>
      </c>
      <c r="H67" s="199">
        <v>2</v>
      </c>
      <c r="I67" s="199"/>
      <c r="J67" s="199"/>
      <c r="K67" s="199">
        <v>191</v>
      </c>
      <c r="L67" s="199">
        <v>0</v>
      </c>
      <c r="M67" s="200">
        <v>1.01</v>
      </c>
      <c r="N67" s="201">
        <v>48</v>
      </c>
    </row>
    <row r="68" spans="2:14" ht="21.75" customHeight="1" x14ac:dyDescent="0.15">
      <c r="B68" s="158"/>
      <c r="C68" s="153" t="s">
        <v>106</v>
      </c>
      <c r="D68" s="153" t="s">
        <v>94</v>
      </c>
      <c r="E68" s="198">
        <v>39</v>
      </c>
      <c r="F68" s="192">
        <v>36</v>
      </c>
      <c r="G68" s="199">
        <v>36</v>
      </c>
      <c r="H68" s="199">
        <v>0</v>
      </c>
      <c r="I68" s="199"/>
      <c r="J68" s="199"/>
      <c r="K68" s="199">
        <v>36</v>
      </c>
      <c r="L68" s="199">
        <v>0</v>
      </c>
      <c r="M68" s="200">
        <v>1</v>
      </c>
      <c r="N68" s="201">
        <v>3</v>
      </c>
    </row>
    <row r="69" spans="2:14" ht="14.25" customHeight="1" x14ac:dyDescent="0.15">
      <c r="B69" s="158"/>
      <c r="C69" s="153" t="s">
        <v>37</v>
      </c>
      <c r="D69" s="153" t="s">
        <v>95</v>
      </c>
      <c r="E69" s="198">
        <v>39</v>
      </c>
      <c r="F69" s="192">
        <v>18</v>
      </c>
      <c r="G69" s="199">
        <v>18</v>
      </c>
      <c r="H69" s="199">
        <v>0</v>
      </c>
      <c r="I69" s="199"/>
      <c r="J69" s="199"/>
      <c r="K69" s="199">
        <v>18</v>
      </c>
      <c r="L69" s="199">
        <v>0</v>
      </c>
      <c r="M69" s="200">
        <v>1</v>
      </c>
      <c r="N69" s="201">
        <v>21</v>
      </c>
    </row>
    <row r="70" spans="2:14" ht="14.25" customHeight="1" x14ac:dyDescent="0.15">
      <c r="B70" s="158"/>
      <c r="C70" s="153" t="s">
        <v>38</v>
      </c>
      <c r="D70" s="153" t="s">
        <v>96</v>
      </c>
      <c r="E70" s="198">
        <v>39</v>
      </c>
      <c r="F70" s="192">
        <v>37</v>
      </c>
      <c r="G70" s="199">
        <v>37</v>
      </c>
      <c r="H70" s="199">
        <v>0</v>
      </c>
      <c r="I70" s="199"/>
      <c r="J70" s="199"/>
      <c r="K70" s="199">
        <v>37</v>
      </c>
      <c r="L70" s="199">
        <v>0</v>
      </c>
      <c r="M70" s="200">
        <v>1</v>
      </c>
      <c r="N70" s="201">
        <v>2</v>
      </c>
    </row>
    <row r="71" spans="2:14" ht="14.25" customHeight="1" x14ac:dyDescent="0.15">
      <c r="B71" s="158"/>
      <c r="C71" s="153" t="s">
        <v>39</v>
      </c>
      <c r="D71" s="153" t="s">
        <v>97</v>
      </c>
      <c r="E71" s="198">
        <v>39</v>
      </c>
      <c r="F71" s="192">
        <v>27</v>
      </c>
      <c r="G71" s="199">
        <v>26</v>
      </c>
      <c r="H71" s="199">
        <v>1</v>
      </c>
      <c r="I71" s="199"/>
      <c r="J71" s="199"/>
      <c r="K71" s="199">
        <v>27</v>
      </c>
      <c r="L71" s="199">
        <v>0</v>
      </c>
      <c r="M71" s="200">
        <v>1</v>
      </c>
      <c r="N71" s="201">
        <v>12</v>
      </c>
    </row>
    <row r="72" spans="2:14" ht="14.25" customHeight="1" x14ac:dyDescent="0.15">
      <c r="B72" s="158"/>
      <c r="D72" s="202" t="s">
        <v>156</v>
      </c>
      <c r="E72" s="181">
        <v>156</v>
      </c>
      <c r="F72" s="183">
        <v>118</v>
      </c>
      <c r="G72" s="183">
        <v>117</v>
      </c>
      <c r="H72" s="183">
        <v>1</v>
      </c>
      <c r="I72" s="183"/>
      <c r="J72" s="183"/>
      <c r="K72" s="183">
        <v>118</v>
      </c>
      <c r="L72" s="183">
        <v>0</v>
      </c>
      <c r="M72" s="204">
        <v>1</v>
      </c>
      <c r="N72" s="224">
        <v>38</v>
      </c>
    </row>
    <row r="73" spans="2:14" ht="21.75" customHeight="1" x14ac:dyDescent="0.15">
      <c r="B73" s="158"/>
      <c r="C73" s="153" t="s">
        <v>107</v>
      </c>
      <c r="D73" s="153" t="s">
        <v>108</v>
      </c>
      <c r="E73" s="198">
        <v>39</v>
      </c>
      <c r="F73" s="192">
        <v>57</v>
      </c>
      <c r="G73" s="167">
        <v>57</v>
      </c>
      <c r="H73" s="167">
        <v>0</v>
      </c>
      <c r="I73" s="167"/>
      <c r="J73" s="167"/>
      <c r="K73" s="167">
        <v>39</v>
      </c>
      <c r="L73" s="139">
        <v>4</v>
      </c>
      <c r="M73" s="200">
        <v>1.36</v>
      </c>
      <c r="N73" s="225">
        <v>0</v>
      </c>
    </row>
    <row r="74" spans="2:14" ht="14.25" customHeight="1" x14ac:dyDescent="0.15">
      <c r="B74" s="158"/>
      <c r="C74" s="153" t="s">
        <v>41</v>
      </c>
      <c r="D74" s="153" t="s">
        <v>109</v>
      </c>
      <c r="E74" s="198">
        <v>39</v>
      </c>
      <c r="F74" s="192">
        <v>36</v>
      </c>
      <c r="G74" s="167">
        <v>35</v>
      </c>
      <c r="H74" s="167">
        <v>1</v>
      </c>
      <c r="I74" s="167"/>
      <c r="J74" s="167"/>
      <c r="K74" s="167">
        <v>39</v>
      </c>
      <c r="L74" s="139">
        <v>0</v>
      </c>
      <c r="M74" s="200">
        <v>0.92</v>
      </c>
      <c r="N74" s="225">
        <v>0</v>
      </c>
    </row>
    <row r="75" spans="2:14" ht="14.25" customHeight="1" x14ac:dyDescent="0.15">
      <c r="B75" s="158"/>
      <c r="C75" s="153" t="s">
        <v>42</v>
      </c>
      <c r="D75" s="153" t="s">
        <v>110</v>
      </c>
      <c r="E75" s="198">
        <v>39</v>
      </c>
      <c r="F75" s="192">
        <v>30</v>
      </c>
      <c r="G75" s="167">
        <v>30</v>
      </c>
      <c r="H75" s="167">
        <v>0</v>
      </c>
      <c r="I75" s="167"/>
      <c r="J75" s="167"/>
      <c r="K75" s="167">
        <v>35</v>
      </c>
      <c r="L75" s="139">
        <v>1</v>
      </c>
      <c r="M75" s="200">
        <v>0.83</v>
      </c>
      <c r="N75" s="225">
        <v>4</v>
      </c>
    </row>
    <row r="76" spans="2:14" ht="14.25" customHeight="1" x14ac:dyDescent="0.15">
      <c r="B76" s="158"/>
      <c r="C76" s="153" t="s">
        <v>39</v>
      </c>
      <c r="D76" s="153" t="s">
        <v>111</v>
      </c>
      <c r="E76" s="198">
        <v>39</v>
      </c>
      <c r="F76" s="192">
        <v>44</v>
      </c>
      <c r="G76" s="167">
        <v>44</v>
      </c>
      <c r="H76" s="167">
        <v>0</v>
      </c>
      <c r="I76" s="167"/>
      <c r="J76" s="167"/>
      <c r="K76" s="167">
        <v>39</v>
      </c>
      <c r="L76" s="139">
        <v>0</v>
      </c>
      <c r="M76" s="200">
        <v>1.1299999999999999</v>
      </c>
      <c r="N76" s="225">
        <v>0</v>
      </c>
    </row>
    <row r="77" spans="2:14" ht="14.25" customHeight="1" x14ac:dyDescent="0.15">
      <c r="B77" s="158"/>
      <c r="C77" s="153" t="s">
        <v>38</v>
      </c>
      <c r="D77" s="153" t="s">
        <v>97</v>
      </c>
      <c r="E77" s="198">
        <v>39</v>
      </c>
      <c r="F77" s="192">
        <v>45</v>
      </c>
      <c r="G77" s="167">
        <v>45</v>
      </c>
      <c r="H77" s="167">
        <v>0</v>
      </c>
      <c r="I77" s="167"/>
      <c r="J77" s="167"/>
      <c r="K77" s="167">
        <v>39</v>
      </c>
      <c r="L77" s="139">
        <v>0</v>
      </c>
      <c r="M77" s="200">
        <v>1.1499999999999999</v>
      </c>
      <c r="N77" s="225">
        <v>0</v>
      </c>
    </row>
    <row r="78" spans="2:14" ht="14.25" customHeight="1" x14ac:dyDescent="0.15">
      <c r="B78" s="158"/>
      <c r="D78" s="202" t="s">
        <v>156</v>
      </c>
      <c r="E78" s="181">
        <v>195</v>
      </c>
      <c r="F78" s="183">
        <v>212</v>
      </c>
      <c r="G78" s="183">
        <v>211</v>
      </c>
      <c r="H78" s="183">
        <v>1</v>
      </c>
      <c r="I78" s="183"/>
      <c r="J78" s="183"/>
      <c r="K78" s="183">
        <v>191</v>
      </c>
      <c r="L78" s="183">
        <v>5</v>
      </c>
      <c r="M78" s="204">
        <v>1.08</v>
      </c>
      <c r="N78" s="224">
        <v>4</v>
      </c>
    </row>
    <row r="79" spans="2:14" ht="7.5" customHeight="1" x14ac:dyDescent="0.15">
      <c r="B79" s="158"/>
      <c r="E79" s="198"/>
      <c r="I79" s="167"/>
      <c r="J79" s="167"/>
      <c r="K79" s="167"/>
      <c r="L79" s="166"/>
      <c r="M79" s="213"/>
      <c r="N79" s="225"/>
    </row>
    <row r="80" spans="2:14" ht="7.5" customHeight="1" x14ac:dyDescent="0.15">
      <c r="B80" s="171"/>
      <c r="C80" s="172"/>
      <c r="D80" s="172"/>
      <c r="E80" s="173"/>
      <c r="F80" s="174"/>
      <c r="G80" s="174"/>
      <c r="H80" s="174"/>
      <c r="I80" s="175"/>
      <c r="J80" s="175"/>
      <c r="K80" s="175"/>
      <c r="L80" s="226"/>
      <c r="M80" s="177"/>
      <c r="N80" s="227"/>
    </row>
    <row r="81" spans="2:14" ht="14.25" customHeight="1" x14ac:dyDescent="0.15">
      <c r="B81" s="158"/>
      <c r="C81" s="480" t="s">
        <v>64</v>
      </c>
      <c r="D81" s="481"/>
      <c r="E81" s="181">
        <v>2212</v>
      </c>
      <c r="F81" s="182">
        <v>1919</v>
      </c>
      <c r="G81" s="182">
        <v>1905</v>
      </c>
      <c r="H81" s="182">
        <v>14</v>
      </c>
      <c r="I81" s="183"/>
      <c r="J81" s="183"/>
      <c r="K81" s="183">
        <v>1846</v>
      </c>
      <c r="L81" s="183">
        <v>10</v>
      </c>
      <c r="M81" s="204">
        <v>1.03</v>
      </c>
      <c r="N81" s="224">
        <v>370</v>
      </c>
    </row>
    <row r="82" spans="2:14" ht="7.5" customHeight="1" x14ac:dyDescent="0.15">
      <c r="B82" s="160"/>
      <c r="C82" s="161"/>
      <c r="D82" s="161"/>
      <c r="E82" s="188"/>
      <c r="F82" s="189"/>
      <c r="G82" s="189"/>
      <c r="H82" s="189"/>
      <c r="I82" s="161"/>
      <c r="J82" s="161"/>
      <c r="K82" s="161"/>
      <c r="L82" s="189"/>
      <c r="M82" s="189"/>
      <c r="N82" s="191"/>
    </row>
    <row r="83" spans="2:14" ht="13.5" customHeight="1" x14ac:dyDescent="0.15">
      <c r="B83" s="217" t="s">
        <v>460</v>
      </c>
    </row>
    <row r="84" spans="2:14" ht="13.5" customHeight="1" x14ac:dyDescent="0.15">
      <c r="B84" s="217"/>
    </row>
    <row r="85" spans="2:14" ht="14.25" customHeight="1" x14ac:dyDescent="0.15">
      <c r="B85" s="153" t="s">
        <v>312</v>
      </c>
    </row>
    <row r="86" spans="2:14" ht="7.5" customHeight="1" x14ac:dyDescent="0.15">
      <c r="B86" s="154"/>
      <c r="C86" s="155"/>
      <c r="D86" s="155"/>
      <c r="E86" s="10"/>
      <c r="F86" s="10"/>
      <c r="G86" s="11"/>
      <c r="H86" s="11"/>
      <c r="I86" s="9"/>
      <c r="J86" s="9"/>
      <c r="K86" s="9"/>
      <c r="L86" s="11"/>
      <c r="M86" s="11"/>
      <c r="N86" s="12"/>
    </row>
    <row r="87" spans="2:14" ht="15.75" customHeight="1" x14ac:dyDescent="0.15">
      <c r="B87" s="158"/>
      <c r="E87" s="14"/>
      <c r="F87" s="15"/>
      <c r="G87" s="16" t="s">
        <v>204</v>
      </c>
      <c r="H87" s="16"/>
      <c r="I87" s="17"/>
      <c r="J87" s="18"/>
      <c r="K87" s="19"/>
      <c r="L87" s="20" t="s">
        <v>134</v>
      </c>
      <c r="M87" s="21"/>
      <c r="N87" s="22"/>
    </row>
    <row r="88" spans="2:14" ht="14.25" customHeight="1" x14ac:dyDescent="0.15">
      <c r="B88" s="158"/>
      <c r="C88" s="153" t="s">
        <v>59</v>
      </c>
      <c r="D88" s="153" t="s">
        <v>61</v>
      </c>
      <c r="E88" s="23" t="s">
        <v>58</v>
      </c>
      <c r="F88" s="23" t="s">
        <v>88</v>
      </c>
      <c r="G88" s="447" t="s">
        <v>457</v>
      </c>
      <c r="H88" s="24" t="s">
        <v>367</v>
      </c>
      <c r="I88" s="25" t="s">
        <v>132</v>
      </c>
      <c r="J88" s="26"/>
      <c r="K88" s="26"/>
      <c r="L88" s="27" t="s">
        <v>135</v>
      </c>
      <c r="M88" s="24" t="s">
        <v>45</v>
      </c>
      <c r="N88" s="28" t="s">
        <v>136</v>
      </c>
    </row>
    <row r="89" spans="2:14" ht="14.25" customHeight="1" x14ac:dyDescent="0.15">
      <c r="B89" s="158"/>
      <c r="C89" s="449"/>
      <c r="D89" s="449"/>
      <c r="E89" s="29"/>
      <c r="F89" s="29" t="s">
        <v>366</v>
      </c>
      <c r="G89" s="30" t="s">
        <v>0</v>
      </c>
      <c r="H89" s="30" t="s">
        <v>205</v>
      </c>
      <c r="I89" s="25" t="s">
        <v>133</v>
      </c>
      <c r="J89" s="31"/>
      <c r="K89" s="32"/>
      <c r="L89" s="24" t="s">
        <v>369</v>
      </c>
      <c r="M89" s="33" t="s">
        <v>368</v>
      </c>
      <c r="N89" s="28"/>
    </row>
    <row r="90" spans="2:14" ht="7.5" customHeight="1" x14ac:dyDescent="0.15">
      <c r="B90" s="158"/>
      <c r="C90" s="195"/>
      <c r="D90" s="195"/>
      <c r="E90" s="37"/>
      <c r="F90" s="37"/>
      <c r="G90" s="38"/>
      <c r="H90" s="39"/>
      <c r="I90" s="40"/>
      <c r="J90" s="36"/>
      <c r="K90" s="41"/>
      <c r="L90" s="40"/>
      <c r="M90" s="39"/>
      <c r="N90" s="42"/>
    </row>
    <row r="91" spans="2:14" ht="7.5" customHeight="1" x14ac:dyDescent="0.15">
      <c r="B91" s="154"/>
      <c r="C91" s="449"/>
      <c r="D91" s="449"/>
      <c r="E91" s="44"/>
      <c r="F91" s="135"/>
      <c r="G91" s="2"/>
      <c r="H91" s="2"/>
      <c r="I91" s="1"/>
      <c r="J91" s="1"/>
      <c r="K91" s="1"/>
      <c r="L91" s="2"/>
      <c r="M91" s="2"/>
      <c r="N91" s="197"/>
    </row>
    <row r="92" spans="2:14" ht="14.25" customHeight="1" x14ac:dyDescent="0.15">
      <c r="B92" s="158"/>
      <c r="C92" s="153" t="s">
        <v>98</v>
      </c>
      <c r="D92" s="153" t="s">
        <v>272</v>
      </c>
      <c r="E92" s="198">
        <v>119</v>
      </c>
      <c r="F92" s="192">
        <v>124</v>
      </c>
      <c r="G92" s="199">
        <v>124</v>
      </c>
      <c r="H92" s="199">
        <v>0</v>
      </c>
      <c r="I92" s="199"/>
      <c r="J92" s="199"/>
      <c r="K92" s="199">
        <v>119</v>
      </c>
      <c r="L92" s="199">
        <v>0</v>
      </c>
      <c r="M92" s="200">
        <v>1.04</v>
      </c>
      <c r="N92" s="201">
        <v>0</v>
      </c>
    </row>
    <row r="93" spans="2:14" ht="14.25" customHeight="1" x14ac:dyDescent="0.15">
      <c r="B93" s="158"/>
      <c r="C93" s="153" t="s">
        <v>392</v>
      </c>
      <c r="D93" s="153" t="s">
        <v>272</v>
      </c>
      <c r="E93" s="198">
        <v>159</v>
      </c>
      <c r="F93" s="192">
        <v>163</v>
      </c>
      <c r="G93" s="199">
        <v>163</v>
      </c>
      <c r="H93" s="199">
        <v>0</v>
      </c>
      <c r="I93" s="199"/>
      <c r="J93" s="199"/>
      <c r="K93" s="199">
        <v>159</v>
      </c>
      <c r="L93" s="199">
        <v>0</v>
      </c>
      <c r="M93" s="200">
        <v>1.03</v>
      </c>
      <c r="N93" s="201">
        <v>0</v>
      </c>
    </row>
    <row r="94" spans="2:14" ht="14.25" customHeight="1" x14ac:dyDescent="0.15">
      <c r="B94" s="158"/>
      <c r="C94" s="153" t="s">
        <v>337</v>
      </c>
      <c r="D94" s="153" t="s">
        <v>272</v>
      </c>
      <c r="E94" s="198">
        <v>119</v>
      </c>
      <c r="F94" s="192">
        <v>66</v>
      </c>
      <c r="G94" s="199">
        <v>66</v>
      </c>
      <c r="H94" s="199">
        <v>0</v>
      </c>
      <c r="I94" s="199"/>
      <c r="J94" s="199"/>
      <c r="K94" s="199">
        <v>66</v>
      </c>
      <c r="L94" s="199">
        <v>0</v>
      </c>
      <c r="M94" s="200">
        <v>1</v>
      </c>
      <c r="N94" s="201">
        <v>53</v>
      </c>
    </row>
    <row r="95" spans="2:14" ht="14.25" customHeight="1" x14ac:dyDescent="0.15">
      <c r="B95" s="158"/>
      <c r="C95" s="153" t="s">
        <v>89</v>
      </c>
      <c r="D95" s="153" t="s">
        <v>272</v>
      </c>
      <c r="E95" s="198">
        <v>119</v>
      </c>
      <c r="F95" s="192">
        <v>156</v>
      </c>
      <c r="G95" s="199">
        <v>156</v>
      </c>
      <c r="H95" s="199">
        <v>0</v>
      </c>
      <c r="I95" s="199"/>
      <c r="J95" s="199"/>
      <c r="K95" s="199">
        <v>119</v>
      </c>
      <c r="L95" s="199">
        <v>0</v>
      </c>
      <c r="M95" s="200">
        <v>1.31</v>
      </c>
      <c r="N95" s="201">
        <v>0</v>
      </c>
    </row>
    <row r="96" spans="2:14" ht="14.25" customHeight="1" x14ac:dyDescent="0.15">
      <c r="B96" s="158"/>
      <c r="C96" s="433" t="s">
        <v>448</v>
      </c>
      <c r="D96" s="153" t="s">
        <v>272</v>
      </c>
      <c r="E96" s="198">
        <v>159</v>
      </c>
      <c r="F96" s="192">
        <v>174</v>
      </c>
      <c r="G96" s="199">
        <v>174</v>
      </c>
      <c r="H96" s="199">
        <v>0</v>
      </c>
      <c r="I96" s="199"/>
      <c r="J96" s="199"/>
      <c r="K96" s="199">
        <v>159</v>
      </c>
      <c r="L96" s="199">
        <v>1</v>
      </c>
      <c r="M96" s="200">
        <v>1.0900000000000001</v>
      </c>
      <c r="N96" s="201">
        <v>0</v>
      </c>
    </row>
    <row r="97" spans="2:14" ht="21.75" customHeight="1" x14ac:dyDescent="0.15">
      <c r="B97" s="158"/>
      <c r="C97" s="153" t="s">
        <v>113</v>
      </c>
      <c r="D97" s="153" t="s">
        <v>112</v>
      </c>
      <c r="E97" s="198">
        <v>199</v>
      </c>
      <c r="F97" s="192">
        <v>235</v>
      </c>
      <c r="G97" s="167">
        <v>235</v>
      </c>
      <c r="H97" s="167">
        <v>0</v>
      </c>
      <c r="I97" s="167"/>
      <c r="J97" s="167"/>
      <c r="K97" s="167">
        <v>199</v>
      </c>
      <c r="L97" s="139">
        <v>2</v>
      </c>
      <c r="M97" s="200">
        <v>1.17</v>
      </c>
      <c r="N97" s="225">
        <v>0</v>
      </c>
    </row>
    <row r="98" spans="2:14" x14ac:dyDescent="0.15">
      <c r="B98" s="158"/>
      <c r="C98" s="153" t="s">
        <v>3</v>
      </c>
      <c r="D98" s="229" t="s">
        <v>309</v>
      </c>
      <c r="E98" s="371">
        <v>39</v>
      </c>
      <c r="F98" s="192">
        <v>54</v>
      </c>
      <c r="G98" s="167">
        <v>54</v>
      </c>
      <c r="H98" s="167">
        <v>0</v>
      </c>
      <c r="I98" s="167"/>
      <c r="J98" s="167"/>
      <c r="K98" s="167">
        <v>39</v>
      </c>
      <c r="L98" s="139">
        <v>0</v>
      </c>
      <c r="M98" s="200">
        <v>1.38</v>
      </c>
      <c r="N98" s="225">
        <v>0</v>
      </c>
    </row>
    <row r="99" spans="2:14" x14ac:dyDescent="0.15">
      <c r="B99" s="158"/>
      <c r="D99" s="202" t="s">
        <v>156</v>
      </c>
      <c r="E99" s="181">
        <v>238</v>
      </c>
      <c r="F99" s="183">
        <v>289</v>
      </c>
      <c r="G99" s="183">
        <v>289</v>
      </c>
      <c r="H99" s="183">
        <v>0</v>
      </c>
      <c r="I99" s="183"/>
      <c r="J99" s="183"/>
      <c r="K99" s="183">
        <v>238</v>
      </c>
      <c r="L99" s="183">
        <v>2</v>
      </c>
      <c r="M99" s="204">
        <v>1.21</v>
      </c>
      <c r="N99" s="224">
        <v>0</v>
      </c>
    </row>
    <row r="100" spans="2:14" ht="22.5" customHeight="1" x14ac:dyDescent="0.15">
      <c r="B100" s="158"/>
      <c r="C100" s="153" t="s">
        <v>345</v>
      </c>
      <c r="D100" s="153" t="s">
        <v>184</v>
      </c>
      <c r="E100" s="198">
        <v>118</v>
      </c>
      <c r="F100" s="192">
        <v>140</v>
      </c>
      <c r="G100" s="167">
        <v>139</v>
      </c>
      <c r="H100" s="167">
        <v>1</v>
      </c>
      <c r="I100" s="167"/>
      <c r="J100" s="167"/>
      <c r="K100" s="167">
        <v>118</v>
      </c>
      <c r="L100" s="139">
        <v>0</v>
      </c>
      <c r="M100" s="200">
        <v>1.19</v>
      </c>
      <c r="N100" s="225">
        <v>0</v>
      </c>
    </row>
    <row r="101" spans="2:14" ht="7.5" customHeight="1" x14ac:dyDescent="0.15">
      <c r="B101" s="170"/>
      <c r="C101" s="206"/>
      <c r="D101" s="230"/>
      <c r="E101" s="207"/>
      <c r="F101" s="208"/>
      <c r="G101" s="208"/>
      <c r="H101" s="208"/>
      <c r="I101" s="231"/>
      <c r="J101" s="231"/>
      <c r="K101" s="231"/>
      <c r="L101" s="232"/>
      <c r="M101" s="233"/>
      <c r="N101" s="234"/>
    </row>
    <row r="102" spans="2:14" ht="7.5" customHeight="1" x14ac:dyDescent="0.15">
      <c r="B102" s="158"/>
      <c r="C102" s="450"/>
      <c r="D102" s="450"/>
      <c r="E102" s="198"/>
      <c r="I102" s="167"/>
      <c r="J102" s="167"/>
      <c r="K102" s="167"/>
      <c r="L102" s="194"/>
      <c r="M102" s="193"/>
      <c r="N102" s="225"/>
    </row>
    <row r="103" spans="2:14" s="202" customFormat="1" ht="14.25" customHeight="1" x14ac:dyDescent="0.15">
      <c r="B103" s="179"/>
      <c r="C103" s="480" t="s">
        <v>64</v>
      </c>
      <c r="D103" s="481"/>
      <c r="E103" s="181">
        <v>1031</v>
      </c>
      <c r="F103" s="182">
        <v>1112</v>
      </c>
      <c r="G103" s="182">
        <v>1111</v>
      </c>
      <c r="H103" s="182">
        <v>1</v>
      </c>
      <c r="I103" s="183"/>
      <c r="J103" s="183"/>
      <c r="K103" s="183">
        <v>978</v>
      </c>
      <c r="L103" s="183">
        <v>3</v>
      </c>
      <c r="M103" s="220">
        <v>1.1299999999999999</v>
      </c>
      <c r="N103" s="224">
        <v>53</v>
      </c>
    </row>
    <row r="104" spans="2:14" ht="7.5" customHeight="1" x14ac:dyDescent="0.15">
      <c r="B104" s="160"/>
      <c r="C104" s="237"/>
      <c r="D104" s="237"/>
      <c r="E104" s="188"/>
      <c r="F104" s="189"/>
      <c r="G104" s="189"/>
      <c r="H104" s="189"/>
      <c r="I104" s="190"/>
      <c r="J104" s="190"/>
      <c r="K104" s="190"/>
      <c r="L104" s="189"/>
      <c r="M104" s="189"/>
      <c r="N104" s="191"/>
    </row>
    <row r="105" spans="2:14" ht="13.9" customHeight="1" x14ac:dyDescent="0.15">
      <c r="B105" s="477"/>
      <c r="C105" s="477"/>
      <c r="D105" s="477"/>
      <c r="E105" s="477"/>
      <c r="F105" s="477"/>
      <c r="G105" s="477"/>
      <c r="H105" s="477"/>
      <c r="I105" s="477"/>
      <c r="J105" s="477"/>
      <c r="K105" s="477"/>
      <c r="L105" s="477"/>
      <c r="M105" s="477"/>
      <c r="N105" s="477"/>
    </row>
    <row r="106" spans="2:14" ht="13.5" customHeight="1" x14ac:dyDescent="0.15">
      <c r="B106" s="409"/>
    </row>
    <row r="107" spans="2:14" ht="14.25" customHeight="1" x14ac:dyDescent="0.15">
      <c r="B107" s="392" t="s">
        <v>416</v>
      </c>
      <c r="C107" s="424"/>
      <c r="D107" s="424"/>
    </row>
    <row r="108" spans="2:14" ht="7.5" customHeight="1" x14ac:dyDescent="0.15">
      <c r="B108" s="154"/>
      <c r="C108" s="425"/>
      <c r="D108" s="425"/>
      <c r="E108" s="10"/>
      <c r="F108" s="10"/>
      <c r="G108" s="11"/>
      <c r="H108" s="11"/>
      <c r="I108" s="9"/>
      <c r="J108" s="9"/>
      <c r="K108" s="9"/>
      <c r="L108" s="11"/>
      <c r="M108" s="11"/>
      <c r="N108" s="12"/>
    </row>
    <row r="109" spans="2:14" ht="15.75" customHeight="1" x14ac:dyDescent="0.15">
      <c r="B109" s="158"/>
      <c r="C109" s="424"/>
      <c r="D109" s="424"/>
      <c r="E109" s="14"/>
      <c r="F109" s="15"/>
      <c r="G109" s="16" t="s">
        <v>204</v>
      </c>
      <c r="H109" s="16"/>
      <c r="I109" s="17"/>
      <c r="J109" s="18"/>
      <c r="K109" s="19"/>
      <c r="L109" s="20" t="s">
        <v>134</v>
      </c>
      <c r="M109" s="21"/>
      <c r="N109" s="22"/>
    </row>
    <row r="110" spans="2:14" ht="14.25" customHeight="1" x14ac:dyDescent="0.15">
      <c r="B110" s="158"/>
      <c r="C110" s="424" t="s">
        <v>59</v>
      </c>
      <c r="D110" s="424" t="s">
        <v>61</v>
      </c>
      <c r="E110" s="23" t="s">
        <v>58</v>
      </c>
      <c r="F110" s="23" t="s">
        <v>88</v>
      </c>
      <c r="G110" s="447" t="s">
        <v>457</v>
      </c>
      <c r="H110" s="24" t="s">
        <v>367</v>
      </c>
      <c r="I110" s="25" t="s">
        <v>132</v>
      </c>
      <c r="J110" s="26"/>
      <c r="K110" s="26"/>
      <c r="L110" s="27" t="s">
        <v>135</v>
      </c>
      <c r="M110" s="24" t="s">
        <v>45</v>
      </c>
      <c r="N110" s="28" t="s">
        <v>136</v>
      </c>
    </row>
    <row r="111" spans="2:14" ht="14.25" customHeight="1" x14ac:dyDescent="0.15">
      <c r="B111" s="158"/>
      <c r="C111" s="448"/>
      <c r="D111" s="448"/>
      <c r="E111" s="29"/>
      <c r="F111" s="29" t="s">
        <v>366</v>
      </c>
      <c r="G111" s="30" t="s">
        <v>0</v>
      </c>
      <c r="H111" s="30" t="s">
        <v>205</v>
      </c>
      <c r="I111" s="25" t="s">
        <v>133</v>
      </c>
      <c r="J111" s="31"/>
      <c r="K111" s="32"/>
      <c r="L111" s="24" t="s">
        <v>369</v>
      </c>
      <c r="M111" s="33" t="s">
        <v>368</v>
      </c>
      <c r="N111" s="28"/>
    </row>
    <row r="112" spans="2:14" ht="7.5" customHeight="1" x14ac:dyDescent="0.15">
      <c r="B112" s="160"/>
      <c r="C112" s="426"/>
      <c r="D112" s="427"/>
      <c r="E112" s="37"/>
      <c r="F112" s="37"/>
      <c r="G112" s="38"/>
      <c r="H112" s="39"/>
      <c r="I112" s="40"/>
      <c r="J112" s="36"/>
      <c r="K112" s="41"/>
      <c r="L112" s="40"/>
      <c r="M112" s="39"/>
      <c r="N112" s="42"/>
    </row>
    <row r="113" spans="2:14" ht="7.5" customHeight="1" x14ac:dyDescent="0.15">
      <c r="B113" s="158"/>
      <c r="C113" s="448"/>
      <c r="D113" s="448"/>
      <c r="E113" s="44"/>
      <c r="F113" s="135"/>
      <c r="G113" s="2"/>
      <c r="H113" s="2"/>
      <c r="I113" s="1"/>
      <c r="J113" s="1"/>
      <c r="K113" s="1"/>
      <c r="L113" s="2"/>
      <c r="M113" s="2"/>
      <c r="N113" s="197"/>
    </row>
    <row r="114" spans="2:14" ht="15" customHeight="1" x14ac:dyDescent="0.15">
      <c r="B114" s="158"/>
      <c r="C114" s="436" t="s">
        <v>274</v>
      </c>
      <c r="D114" s="392" t="s">
        <v>417</v>
      </c>
      <c r="E114" s="198">
        <v>39</v>
      </c>
      <c r="F114" s="192">
        <v>42</v>
      </c>
      <c r="G114" s="199">
        <v>42</v>
      </c>
      <c r="H114" s="199">
        <v>0</v>
      </c>
      <c r="I114" s="199"/>
      <c r="J114" s="199"/>
      <c r="K114" s="199">
        <v>39</v>
      </c>
      <c r="L114" s="199">
        <v>0</v>
      </c>
      <c r="M114" s="200">
        <v>1.08</v>
      </c>
      <c r="N114" s="201">
        <v>0</v>
      </c>
    </row>
    <row r="115" spans="2:14" ht="15" customHeight="1" x14ac:dyDescent="0.15">
      <c r="B115" s="158"/>
      <c r="C115" s="436"/>
      <c r="D115" s="392" t="s">
        <v>418</v>
      </c>
      <c r="E115" s="198">
        <v>39</v>
      </c>
      <c r="F115" s="192">
        <v>17</v>
      </c>
      <c r="G115" s="199">
        <v>17</v>
      </c>
      <c r="H115" s="199">
        <v>0</v>
      </c>
      <c r="I115" s="199"/>
      <c r="J115" s="199"/>
      <c r="K115" s="199">
        <v>19</v>
      </c>
      <c r="L115" s="199">
        <v>0</v>
      </c>
      <c r="M115" s="200">
        <v>0.89</v>
      </c>
      <c r="N115" s="201">
        <v>20</v>
      </c>
    </row>
    <row r="116" spans="2:14" ht="15" customHeight="1" x14ac:dyDescent="0.15">
      <c r="B116" s="158"/>
      <c r="C116" s="436"/>
      <c r="D116" s="392" t="s">
        <v>419</v>
      </c>
      <c r="E116" s="198">
        <v>39</v>
      </c>
      <c r="F116" s="192">
        <v>28</v>
      </c>
      <c r="G116" s="199">
        <v>28</v>
      </c>
      <c r="H116" s="199">
        <v>0</v>
      </c>
      <c r="I116" s="199"/>
      <c r="J116" s="199"/>
      <c r="K116" s="199">
        <v>32</v>
      </c>
      <c r="L116" s="199">
        <v>0</v>
      </c>
      <c r="M116" s="200">
        <v>0.88</v>
      </c>
      <c r="N116" s="201">
        <v>7</v>
      </c>
    </row>
    <row r="117" spans="2:14" ht="15" customHeight="1" x14ac:dyDescent="0.15">
      <c r="B117" s="158"/>
      <c r="C117" s="436"/>
      <c r="D117" s="392" t="s">
        <v>420</v>
      </c>
      <c r="E117" s="198">
        <v>39</v>
      </c>
      <c r="F117" s="192">
        <v>44</v>
      </c>
      <c r="G117" s="199">
        <v>43</v>
      </c>
      <c r="H117" s="199">
        <v>1</v>
      </c>
      <c r="I117" s="199"/>
      <c r="J117" s="199"/>
      <c r="K117" s="199">
        <v>39</v>
      </c>
      <c r="L117" s="199">
        <v>0</v>
      </c>
      <c r="M117" s="200">
        <v>1.1299999999999999</v>
      </c>
      <c r="N117" s="201">
        <v>0</v>
      </c>
    </row>
    <row r="118" spans="2:14" ht="15" customHeight="1" x14ac:dyDescent="0.15">
      <c r="B118" s="158"/>
      <c r="C118" s="436"/>
      <c r="D118" s="428" t="s">
        <v>156</v>
      </c>
      <c r="E118" s="181">
        <v>156</v>
      </c>
      <c r="F118" s="182">
        <v>131</v>
      </c>
      <c r="G118" s="182">
        <v>130</v>
      </c>
      <c r="H118" s="182">
        <v>1</v>
      </c>
      <c r="I118" s="183"/>
      <c r="J118" s="183"/>
      <c r="K118" s="183">
        <v>129</v>
      </c>
      <c r="L118" s="183">
        <v>0</v>
      </c>
      <c r="M118" s="220">
        <v>1.02</v>
      </c>
      <c r="N118" s="186">
        <v>27</v>
      </c>
    </row>
    <row r="119" spans="2:14" ht="8.25" customHeight="1" x14ac:dyDescent="0.15">
      <c r="B119" s="160"/>
      <c r="C119" s="161"/>
      <c r="D119" s="161"/>
      <c r="E119" s="188"/>
      <c r="F119" s="189"/>
      <c r="G119" s="189"/>
      <c r="H119" s="189"/>
      <c r="I119" s="190"/>
      <c r="J119" s="190"/>
      <c r="K119" s="190"/>
      <c r="L119" s="189"/>
      <c r="M119" s="189"/>
      <c r="N119" s="191"/>
    </row>
    <row r="120" spans="2:14" ht="13.5" customHeight="1" x14ac:dyDescent="0.15">
      <c r="B120" s="217" t="s">
        <v>461</v>
      </c>
    </row>
    <row r="121" spans="2:14" ht="13.5" customHeight="1" x14ac:dyDescent="0.15">
      <c r="B121" s="217"/>
    </row>
    <row r="122" spans="2:14" ht="14.25" customHeight="1" x14ac:dyDescent="0.15">
      <c r="B122" s="153" t="s">
        <v>313</v>
      </c>
    </row>
    <row r="123" spans="2:14" ht="7.5" customHeight="1" x14ac:dyDescent="0.15">
      <c r="B123" s="154"/>
      <c r="C123" s="155"/>
      <c r="D123" s="155"/>
      <c r="E123" s="10"/>
      <c r="F123" s="10"/>
      <c r="G123" s="11"/>
      <c r="H123" s="11"/>
      <c r="I123" s="9"/>
      <c r="J123" s="9"/>
      <c r="K123" s="9"/>
      <c r="L123" s="11"/>
      <c r="M123" s="11"/>
      <c r="N123" s="12"/>
    </row>
    <row r="124" spans="2:14" ht="15.75" customHeight="1" x14ac:dyDescent="0.15">
      <c r="B124" s="158"/>
      <c r="E124" s="14"/>
      <c r="F124" s="15"/>
      <c r="G124" s="16" t="s">
        <v>204</v>
      </c>
      <c r="H124" s="16"/>
      <c r="I124" s="17"/>
      <c r="J124" s="18"/>
      <c r="K124" s="19"/>
      <c r="L124" s="20" t="s">
        <v>134</v>
      </c>
      <c r="M124" s="21"/>
      <c r="N124" s="22"/>
    </row>
    <row r="125" spans="2:14" ht="14.25" customHeight="1" x14ac:dyDescent="0.15">
      <c r="B125" s="158"/>
      <c r="C125" s="153" t="s">
        <v>59</v>
      </c>
      <c r="D125" s="153" t="s">
        <v>61</v>
      </c>
      <c r="E125" s="23" t="s">
        <v>58</v>
      </c>
      <c r="F125" s="23" t="s">
        <v>88</v>
      </c>
      <c r="G125" s="447" t="s">
        <v>457</v>
      </c>
      <c r="H125" s="24" t="s">
        <v>367</v>
      </c>
      <c r="I125" s="25" t="s">
        <v>132</v>
      </c>
      <c r="J125" s="26"/>
      <c r="K125" s="26"/>
      <c r="L125" s="27" t="s">
        <v>135</v>
      </c>
      <c r="M125" s="24" t="s">
        <v>45</v>
      </c>
      <c r="N125" s="28" t="s">
        <v>136</v>
      </c>
    </row>
    <row r="126" spans="2:14" ht="14.25" customHeight="1" x14ac:dyDescent="0.15">
      <c r="B126" s="158"/>
      <c r="C126" s="449"/>
      <c r="D126" s="449"/>
      <c r="E126" s="29"/>
      <c r="F126" s="29" t="s">
        <v>366</v>
      </c>
      <c r="G126" s="30" t="s">
        <v>0</v>
      </c>
      <c r="H126" s="30" t="s">
        <v>205</v>
      </c>
      <c r="I126" s="25" t="s">
        <v>133</v>
      </c>
      <c r="J126" s="31"/>
      <c r="K126" s="32"/>
      <c r="L126" s="24" t="s">
        <v>369</v>
      </c>
      <c r="M126" s="33" t="s">
        <v>368</v>
      </c>
      <c r="N126" s="28"/>
    </row>
    <row r="127" spans="2:14" ht="7.5" customHeight="1" x14ac:dyDescent="0.15">
      <c r="B127" s="160"/>
      <c r="C127" s="195"/>
      <c r="D127" s="196"/>
      <c r="E127" s="37"/>
      <c r="F127" s="37"/>
      <c r="G127" s="38"/>
      <c r="H127" s="39"/>
      <c r="I127" s="40"/>
      <c r="J127" s="36"/>
      <c r="K127" s="41"/>
      <c r="L127" s="40"/>
      <c r="M127" s="39"/>
      <c r="N127" s="42"/>
    </row>
    <row r="128" spans="2:14" ht="7.5" customHeight="1" x14ac:dyDescent="0.15">
      <c r="B128" s="158"/>
      <c r="C128" s="449"/>
      <c r="D128" s="449"/>
      <c r="E128" s="44"/>
      <c r="F128" s="135"/>
      <c r="G128" s="2"/>
      <c r="H128" s="2"/>
      <c r="I128" s="1"/>
      <c r="J128" s="1"/>
      <c r="K128" s="1"/>
      <c r="L128" s="2"/>
      <c r="M128" s="2"/>
      <c r="N128" s="197"/>
    </row>
    <row r="129" spans="2:16" ht="15" customHeight="1" x14ac:dyDescent="0.15">
      <c r="B129" s="158"/>
      <c r="C129" s="153" t="s">
        <v>114</v>
      </c>
      <c r="D129" s="153" t="s">
        <v>115</v>
      </c>
      <c r="E129" s="198">
        <v>39</v>
      </c>
      <c r="F129" s="192">
        <v>44</v>
      </c>
      <c r="G129" s="199">
        <v>43</v>
      </c>
      <c r="H129" s="199">
        <v>1</v>
      </c>
      <c r="I129" s="199"/>
      <c r="J129" s="199"/>
      <c r="K129" s="199">
        <v>39</v>
      </c>
      <c r="L129" s="199">
        <v>0</v>
      </c>
      <c r="M129" s="200">
        <v>1.1299999999999999</v>
      </c>
      <c r="N129" s="201">
        <v>0</v>
      </c>
    </row>
    <row r="130" spans="2:16" ht="7.5" customHeight="1" x14ac:dyDescent="0.15">
      <c r="B130" s="160"/>
      <c r="C130" s="161"/>
      <c r="D130" s="161"/>
      <c r="E130" s="188"/>
      <c r="F130" s="189"/>
      <c r="G130" s="189"/>
      <c r="H130" s="189"/>
      <c r="I130" s="190"/>
      <c r="J130" s="190"/>
      <c r="K130" s="190"/>
      <c r="L130" s="189"/>
      <c r="M130" s="189"/>
      <c r="N130" s="191"/>
    </row>
    <row r="133" spans="2:16" ht="14.25" customHeight="1" x14ac:dyDescent="0.15">
      <c r="B133" s="153" t="s">
        <v>314</v>
      </c>
    </row>
    <row r="134" spans="2:16" ht="7.5" customHeight="1" x14ac:dyDescent="0.15">
      <c r="B134" s="154"/>
      <c r="C134" s="155"/>
      <c r="D134" s="155"/>
      <c r="E134" s="10"/>
      <c r="F134" s="10"/>
      <c r="G134" s="11"/>
      <c r="H134" s="11"/>
      <c r="I134" s="9"/>
      <c r="J134" s="9"/>
      <c r="K134" s="9"/>
      <c r="L134" s="11"/>
      <c r="M134" s="11"/>
      <c r="N134" s="12"/>
    </row>
    <row r="135" spans="2:16" ht="15.75" customHeight="1" x14ac:dyDescent="0.15">
      <c r="B135" s="158"/>
      <c r="E135" s="14"/>
      <c r="F135" s="15"/>
      <c r="G135" s="16" t="s">
        <v>204</v>
      </c>
      <c r="H135" s="16"/>
      <c r="I135" s="17"/>
      <c r="J135" s="18"/>
      <c r="K135" s="19"/>
      <c r="L135" s="20" t="s">
        <v>134</v>
      </c>
      <c r="M135" s="21"/>
      <c r="N135" s="22"/>
    </row>
    <row r="136" spans="2:16" ht="14.25" customHeight="1" x14ac:dyDescent="0.15">
      <c r="B136" s="158"/>
      <c r="C136" s="153" t="s">
        <v>59</v>
      </c>
      <c r="D136" s="153" t="s">
        <v>61</v>
      </c>
      <c r="E136" s="23" t="s">
        <v>58</v>
      </c>
      <c r="F136" s="23" t="s">
        <v>88</v>
      </c>
      <c r="G136" s="447" t="s">
        <v>457</v>
      </c>
      <c r="H136" s="24" t="s">
        <v>367</v>
      </c>
      <c r="I136" s="25" t="s">
        <v>132</v>
      </c>
      <c r="J136" s="26"/>
      <c r="K136" s="26"/>
      <c r="L136" s="27" t="s">
        <v>135</v>
      </c>
      <c r="M136" s="24" t="s">
        <v>45</v>
      </c>
      <c r="N136" s="28" t="s">
        <v>136</v>
      </c>
    </row>
    <row r="137" spans="2:16" ht="14.25" customHeight="1" x14ac:dyDescent="0.15">
      <c r="B137" s="158"/>
      <c r="C137" s="449"/>
      <c r="D137" s="449"/>
      <c r="E137" s="29"/>
      <c r="F137" s="29" t="s">
        <v>366</v>
      </c>
      <c r="G137" s="30" t="s">
        <v>0</v>
      </c>
      <c r="H137" s="30" t="s">
        <v>205</v>
      </c>
      <c r="I137" s="25" t="s">
        <v>133</v>
      </c>
      <c r="J137" s="31"/>
      <c r="K137" s="32"/>
      <c r="L137" s="24" t="s">
        <v>369</v>
      </c>
      <c r="M137" s="33" t="s">
        <v>368</v>
      </c>
      <c r="N137" s="28"/>
    </row>
    <row r="138" spans="2:16" ht="7.5" customHeight="1" x14ac:dyDescent="0.15">
      <c r="B138" s="160"/>
      <c r="C138" s="195"/>
      <c r="D138" s="195"/>
      <c r="E138" s="37"/>
      <c r="F138" s="37"/>
      <c r="G138" s="38"/>
      <c r="H138" s="39"/>
      <c r="I138" s="40"/>
      <c r="J138" s="36"/>
      <c r="K138" s="41"/>
      <c r="L138" s="40"/>
      <c r="M138" s="39"/>
      <c r="N138" s="42"/>
    </row>
    <row r="139" spans="2:16" ht="7.5" customHeight="1" x14ac:dyDescent="0.15">
      <c r="B139" s="158"/>
      <c r="C139" s="449"/>
      <c r="D139" s="449"/>
      <c r="E139" s="44"/>
      <c r="F139" s="135"/>
      <c r="G139" s="2"/>
      <c r="H139" s="2"/>
      <c r="I139" s="1"/>
      <c r="J139" s="1"/>
      <c r="K139" s="1"/>
      <c r="L139" s="2"/>
      <c r="M139" s="2"/>
      <c r="N139" s="197"/>
    </row>
    <row r="140" spans="2:16" ht="14.25" customHeight="1" x14ac:dyDescent="0.15">
      <c r="B140" s="158"/>
      <c r="C140" s="153" t="s">
        <v>116</v>
      </c>
      <c r="D140" s="153" t="s">
        <v>117</v>
      </c>
      <c r="E140" s="198">
        <v>79</v>
      </c>
      <c r="F140" s="192">
        <v>68</v>
      </c>
      <c r="G140" s="199">
        <v>68</v>
      </c>
      <c r="H140" s="199">
        <v>0</v>
      </c>
      <c r="I140" s="199"/>
      <c r="J140" s="199"/>
      <c r="K140" s="199">
        <v>68</v>
      </c>
      <c r="L140" s="199">
        <v>0</v>
      </c>
      <c r="M140" s="200">
        <v>1</v>
      </c>
      <c r="N140" s="201">
        <v>11</v>
      </c>
    </row>
    <row r="141" spans="2:16" ht="7.5" customHeight="1" x14ac:dyDescent="0.15">
      <c r="B141" s="160"/>
      <c r="C141" s="161"/>
      <c r="D141" s="161"/>
      <c r="E141" s="188"/>
      <c r="F141" s="189"/>
      <c r="G141" s="189"/>
      <c r="H141" s="189"/>
      <c r="I141" s="190"/>
      <c r="J141" s="190"/>
      <c r="K141" s="190"/>
      <c r="L141" s="189"/>
      <c r="M141" s="189"/>
      <c r="N141" s="191"/>
    </row>
    <row r="142" spans="2:16" ht="13.5" customHeight="1" x14ac:dyDescent="0.15"/>
    <row r="143" spans="2:16" ht="13.5" customHeight="1" x14ac:dyDescent="0.15"/>
    <row r="144" spans="2:16" ht="14.25" customHeight="1" x14ac:dyDescent="0.15">
      <c r="B144" s="153" t="s">
        <v>315</v>
      </c>
      <c r="O144" s="167"/>
      <c r="P144" s="167"/>
    </row>
    <row r="145" spans="2:14" ht="7.5" customHeight="1" x14ac:dyDescent="0.15">
      <c r="B145" s="154"/>
      <c r="C145" s="155"/>
      <c r="D145" s="155"/>
      <c r="E145" s="10"/>
      <c r="F145" s="10"/>
      <c r="G145" s="11"/>
      <c r="H145" s="11"/>
      <c r="I145" s="9"/>
      <c r="J145" s="9"/>
      <c r="K145" s="9"/>
      <c r="L145" s="11"/>
      <c r="M145" s="11"/>
      <c r="N145" s="12"/>
    </row>
    <row r="146" spans="2:14" ht="15.75" customHeight="1" x14ac:dyDescent="0.15">
      <c r="B146" s="158"/>
      <c r="E146" s="14"/>
      <c r="F146" s="15"/>
      <c r="G146" s="16" t="s">
        <v>204</v>
      </c>
      <c r="H146" s="16"/>
      <c r="I146" s="17"/>
      <c r="J146" s="18"/>
      <c r="K146" s="19"/>
      <c r="L146" s="20" t="s">
        <v>134</v>
      </c>
      <c r="M146" s="21"/>
      <c r="N146" s="22"/>
    </row>
    <row r="147" spans="2:14" ht="14.25" customHeight="1" x14ac:dyDescent="0.15">
      <c r="B147" s="158"/>
      <c r="C147" s="153" t="s">
        <v>59</v>
      </c>
      <c r="D147" s="153" t="s">
        <v>61</v>
      </c>
      <c r="E147" s="23" t="s">
        <v>58</v>
      </c>
      <c r="F147" s="23" t="s">
        <v>88</v>
      </c>
      <c r="G147" s="447" t="s">
        <v>457</v>
      </c>
      <c r="H147" s="24" t="s">
        <v>367</v>
      </c>
      <c r="I147" s="25" t="s">
        <v>132</v>
      </c>
      <c r="J147" s="26"/>
      <c r="K147" s="26"/>
      <c r="L147" s="27" t="s">
        <v>135</v>
      </c>
      <c r="M147" s="24" t="s">
        <v>45</v>
      </c>
      <c r="N147" s="28" t="s">
        <v>136</v>
      </c>
    </row>
    <row r="148" spans="2:14" ht="14.25" customHeight="1" x14ac:dyDescent="0.15">
      <c r="B148" s="158"/>
      <c r="C148" s="449"/>
      <c r="D148" s="449"/>
      <c r="E148" s="29"/>
      <c r="F148" s="29" t="s">
        <v>366</v>
      </c>
      <c r="G148" s="30" t="s">
        <v>0</v>
      </c>
      <c r="H148" s="30" t="s">
        <v>205</v>
      </c>
      <c r="I148" s="25" t="s">
        <v>133</v>
      </c>
      <c r="J148" s="31"/>
      <c r="K148" s="32"/>
      <c r="L148" s="24" t="s">
        <v>369</v>
      </c>
      <c r="M148" s="33" t="s">
        <v>368</v>
      </c>
      <c r="N148" s="28"/>
    </row>
    <row r="149" spans="2:14" ht="7.5" customHeight="1" x14ac:dyDescent="0.15">
      <c r="B149" s="160"/>
      <c r="C149" s="195"/>
      <c r="D149" s="195"/>
      <c r="E149" s="37"/>
      <c r="F149" s="37"/>
      <c r="G149" s="38"/>
      <c r="H149" s="39"/>
      <c r="I149" s="40"/>
      <c r="J149" s="36"/>
      <c r="K149" s="41"/>
      <c r="L149" s="40"/>
      <c r="M149" s="39"/>
      <c r="N149" s="42"/>
    </row>
    <row r="150" spans="2:14" ht="7.5" customHeight="1" x14ac:dyDescent="0.15">
      <c r="B150" s="158"/>
      <c r="C150" s="449"/>
      <c r="D150" s="449"/>
      <c r="E150" s="44"/>
      <c r="F150" s="135"/>
      <c r="G150" s="2"/>
      <c r="H150" s="2"/>
      <c r="I150" s="1"/>
      <c r="J150" s="1"/>
      <c r="K150" s="1"/>
      <c r="L150" s="2"/>
      <c r="M150" s="2"/>
      <c r="N150" s="197"/>
    </row>
    <row r="151" spans="2:14" ht="14.25" customHeight="1" x14ac:dyDescent="0.15">
      <c r="B151" s="158"/>
      <c r="C151" s="153" t="s">
        <v>207</v>
      </c>
      <c r="D151" s="153" t="s">
        <v>118</v>
      </c>
      <c r="E151" s="198">
        <v>79</v>
      </c>
      <c r="F151" s="192">
        <v>45</v>
      </c>
      <c r="G151" s="199">
        <v>45</v>
      </c>
      <c r="H151" s="199">
        <v>0</v>
      </c>
      <c r="I151" s="199"/>
      <c r="J151" s="199"/>
      <c r="K151" s="199">
        <v>45</v>
      </c>
      <c r="L151" s="199">
        <v>0</v>
      </c>
      <c r="M151" s="200">
        <v>1</v>
      </c>
      <c r="N151" s="201">
        <v>34</v>
      </c>
    </row>
    <row r="152" spans="2:14" ht="14.25" customHeight="1" x14ac:dyDescent="0.15">
      <c r="B152" s="158"/>
      <c r="C152" s="153" t="s">
        <v>394</v>
      </c>
      <c r="D152" s="153" t="s">
        <v>395</v>
      </c>
      <c r="E152" s="198">
        <v>79</v>
      </c>
      <c r="F152" s="192">
        <v>43</v>
      </c>
      <c r="G152" s="199">
        <v>43</v>
      </c>
      <c r="H152" s="199">
        <v>0</v>
      </c>
      <c r="I152" s="199"/>
      <c r="J152" s="199"/>
      <c r="K152" s="199">
        <v>43</v>
      </c>
      <c r="L152" s="199">
        <v>0</v>
      </c>
      <c r="M152" s="200">
        <v>1</v>
      </c>
      <c r="N152" s="201">
        <v>36</v>
      </c>
    </row>
    <row r="153" spans="2:14" ht="14.25" customHeight="1" x14ac:dyDescent="0.15">
      <c r="B153" s="158"/>
      <c r="C153" s="153" t="s">
        <v>68</v>
      </c>
      <c r="D153" s="153" t="s">
        <v>118</v>
      </c>
      <c r="E153" s="198">
        <v>39</v>
      </c>
      <c r="F153" s="192">
        <v>8</v>
      </c>
      <c r="G153" s="199">
        <v>8</v>
      </c>
      <c r="H153" s="199">
        <v>0</v>
      </c>
      <c r="I153" s="199"/>
      <c r="J153" s="199"/>
      <c r="K153" s="199">
        <v>8</v>
      </c>
      <c r="L153" s="199">
        <v>0</v>
      </c>
      <c r="M153" s="200">
        <v>1</v>
      </c>
      <c r="N153" s="201">
        <v>31</v>
      </c>
    </row>
    <row r="154" spans="2:14" ht="22.5" customHeight="1" x14ac:dyDescent="0.15">
      <c r="B154" s="158"/>
      <c r="C154" s="153" t="s">
        <v>114</v>
      </c>
      <c r="D154" s="153" t="s">
        <v>118</v>
      </c>
      <c r="E154" s="198">
        <v>39</v>
      </c>
      <c r="F154" s="192">
        <v>33</v>
      </c>
      <c r="G154" s="199">
        <v>33</v>
      </c>
      <c r="H154" s="199">
        <v>0</v>
      </c>
      <c r="I154" s="199"/>
      <c r="J154" s="199"/>
      <c r="K154" s="199">
        <v>32</v>
      </c>
      <c r="L154" s="199">
        <v>1</v>
      </c>
      <c r="M154" s="200">
        <v>1</v>
      </c>
      <c r="N154" s="201">
        <v>7</v>
      </c>
    </row>
    <row r="155" spans="2:14" ht="7.5" customHeight="1" x14ac:dyDescent="0.15">
      <c r="B155" s="158"/>
      <c r="E155" s="198"/>
      <c r="I155" s="167"/>
      <c r="J155" s="167"/>
      <c r="K155" s="167"/>
      <c r="L155" s="194"/>
      <c r="M155" s="193"/>
      <c r="N155" s="225"/>
    </row>
    <row r="156" spans="2:14" ht="7.5" customHeight="1" x14ac:dyDescent="0.15">
      <c r="B156" s="171"/>
      <c r="C156" s="172"/>
      <c r="D156" s="172"/>
      <c r="E156" s="173"/>
      <c r="F156" s="174"/>
      <c r="G156" s="174"/>
      <c r="H156" s="174"/>
      <c r="I156" s="175"/>
      <c r="J156" s="175"/>
      <c r="K156" s="175"/>
      <c r="L156" s="176"/>
      <c r="M156" s="239"/>
      <c r="N156" s="227"/>
    </row>
    <row r="157" spans="2:14" s="202" customFormat="1" ht="14.25" customHeight="1" x14ac:dyDescent="0.15">
      <c r="B157" s="179"/>
      <c r="C157" s="480" t="s">
        <v>64</v>
      </c>
      <c r="D157" s="481"/>
      <c r="E157" s="181">
        <v>236</v>
      </c>
      <c r="F157" s="182">
        <v>129</v>
      </c>
      <c r="G157" s="182">
        <v>129</v>
      </c>
      <c r="H157" s="182">
        <v>0</v>
      </c>
      <c r="I157" s="183"/>
      <c r="J157" s="183"/>
      <c r="K157" s="183">
        <v>128</v>
      </c>
      <c r="L157" s="183">
        <v>1</v>
      </c>
      <c r="M157" s="220">
        <v>1</v>
      </c>
      <c r="N157" s="224">
        <v>108</v>
      </c>
    </row>
    <row r="158" spans="2:14" ht="7.5" customHeight="1" x14ac:dyDescent="0.15">
      <c r="B158" s="160"/>
      <c r="C158" s="237"/>
      <c r="D158" s="237"/>
      <c r="E158" s="188"/>
      <c r="F158" s="189"/>
      <c r="G158" s="189"/>
      <c r="H158" s="189"/>
      <c r="I158" s="190"/>
      <c r="J158" s="190"/>
      <c r="K158" s="190"/>
      <c r="L158" s="189"/>
      <c r="M158" s="189"/>
      <c r="N158" s="191"/>
    </row>
    <row r="159" spans="2:14" ht="13.5" customHeight="1" x14ac:dyDescent="0.15"/>
    <row r="160" spans="2:14" ht="13.5" customHeight="1" x14ac:dyDescent="0.15"/>
    <row r="161" spans="2:14" ht="14.25" customHeight="1" x14ac:dyDescent="0.15">
      <c r="B161" s="153" t="s">
        <v>316</v>
      </c>
    </row>
    <row r="162" spans="2:14" ht="7.5" customHeight="1" x14ac:dyDescent="0.15">
      <c r="B162" s="154"/>
      <c r="C162" s="155"/>
      <c r="D162" s="155"/>
      <c r="E162" s="10"/>
      <c r="F162" s="10"/>
      <c r="G162" s="11"/>
      <c r="H162" s="11"/>
      <c r="I162" s="9"/>
      <c r="J162" s="9"/>
      <c r="K162" s="9"/>
      <c r="L162" s="11"/>
      <c r="M162" s="11"/>
      <c r="N162" s="12"/>
    </row>
    <row r="163" spans="2:14" ht="15.75" customHeight="1" x14ac:dyDescent="0.15">
      <c r="B163" s="158"/>
      <c r="E163" s="14"/>
      <c r="F163" s="15"/>
      <c r="G163" s="16" t="s">
        <v>204</v>
      </c>
      <c r="H163" s="16"/>
      <c r="I163" s="17"/>
      <c r="J163" s="18"/>
      <c r="K163" s="19"/>
      <c r="L163" s="20" t="s">
        <v>134</v>
      </c>
      <c r="M163" s="21"/>
      <c r="N163" s="22"/>
    </row>
    <row r="164" spans="2:14" ht="14.25" customHeight="1" x14ac:dyDescent="0.15">
      <c r="B164" s="158"/>
      <c r="C164" s="153" t="s">
        <v>59</v>
      </c>
      <c r="D164" s="153" t="s">
        <v>61</v>
      </c>
      <c r="E164" s="23" t="s">
        <v>58</v>
      </c>
      <c r="F164" s="23" t="s">
        <v>88</v>
      </c>
      <c r="G164" s="447" t="s">
        <v>457</v>
      </c>
      <c r="H164" s="24" t="s">
        <v>367</v>
      </c>
      <c r="I164" s="25" t="s">
        <v>132</v>
      </c>
      <c r="J164" s="26"/>
      <c r="K164" s="26"/>
      <c r="L164" s="27" t="s">
        <v>135</v>
      </c>
      <c r="M164" s="24" t="s">
        <v>45</v>
      </c>
      <c r="N164" s="28" t="s">
        <v>136</v>
      </c>
    </row>
    <row r="165" spans="2:14" ht="14.25" customHeight="1" x14ac:dyDescent="0.15">
      <c r="B165" s="158"/>
      <c r="C165" s="449"/>
      <c r="D165" s="449"/>
      <c r="E165" s="29"/>
      <c r="F165" s="29" t="s">
        <v>366</v>
      </c>
      <c r="G165" s="30" t="s">
        <v>0</v>
      </c>
      <c r="H165" s="30" t="s">
        <v>205</v>
      </c>
      <c r="I165" s="25" t="s">
        <v>133</v>
      </c>
      <c r="J165" s="31"/>
      <c r="K165" s="32"/>
      <c r="L165" s="24" t="s">
        <v>369</v>
      </c>
      <c r="M165" s="33" t="s">
        <v>368</v>
      </c>
      <c r="N165" s="28"/>
    </row>
    <row r="166" spans="2:14" ht="7.5" customHeight="1" x14ac:dyDescent="0.15">
      <c r="B166" s="160"/>
      <c r="C166" s="195"/>
      <c r="D166" s="196"/>
      <c r="E166" s="37"/>
      <c r="F166" s="37"/>
      <c r="G166" s="38"/>
      <c r="H166" s="39"/>
      <c r="I166" s="40"/>
      <c r="J166" s="36"/>
      <c r="K166" s="41"/>
      <c r="L166" s="40"/>
      <c r="M166" s="39"/>
      <c r="N166" s="42"/>
    </row>
    <row r="167" spans="2:14" ht="7.5" customHeight="1" x14ac:dyDescent="0.15">
      <c r="B167" s="158"/>
      <c r="C167" s="223"/>
      <c r="D167" s="223"/>
      <c r="E167" s="44"/>
      <c r="F167" s="10"/>
      <c r="G167" s="11"/>
      <c r="H167" s="11"/>
      <c r="I167" s="9"/>
      <c r="J167" s="9"/>
      <c r="K167" s="9"/>
      <c r="L167" s="11"/>
      <c r="M167" s="11"/>
      <c r="N167" s="12"/>
    </row>
    <row r="168" spans="2:14" ht="14.25" customHeight="1" x14ac:dyDescent="0.15">
      <c r="B168" s="158"/>
      <c r="C168" s="153" t="s">
        <v>119</v>
      </c>
      <c r="D168" s="153" t="s">
        <v>120</v>
      </c>
      <c r="E168" s="198">
        <v>39</v>
      </c>
      <c r="F168" s="192">
        <v>41</v>
      </c>
      <c r="G168" s="199">
        <v>41</v>
      </c>
      <c r="H168" s="199">
        <v>0</v>
      </c>
      <c r="I168" s="199"/>
      <c r="J168" s="199"/>
      <c r="K168" s="199">
        <v>39</v>
      </c>
      <c r="L168" s="199">
        <v>2</v>
      </c>
      <c r="M168" s="200">
        <v>1</v>
      </c>
      <c r="N168" s="201">
        <v>0</v>
      </c>
    </row>
    <row r="169" spans="2:14" ht="7.5" customHeight="1" x14ac:dyDescent="0.15">
      <c r="B169" s="160"/>
      <c r="C169" s="161"/>
      <c r="D169" s="161"/>
      <c r="E169" s="188"/>
      <c r="F169" s="189"/>
      <c r="G169" s="189"/>
      <c r="H169" s="189"/>
      <c r="I169" s="190"/>
      <c r="J169" s="190"/>
      <c r="K169" s="190"/>
      <c r="L169" s="189"/>
      <c r="M169" s="189"/>
      <c r="N169" s="191"/>
    </row>
    <row r="170" spans="2:14" ht="13.5" customHeight="1" x14ac:dyDescent="0.15"/>
    <row r="171" spans="2:14" ht="13.5" customHeight="1" x14ac:dyDescent="0.15"/>
    <row r="172" spans="2:14" ht="14.25" customHeight="1" x14ac:dyDescent="0.15">
      <c r="B172" s="153" t="s">
        <v>317</v>
      </c>
    </row>
    <row r="173" spans="2:14" ht="7.5" customHeight="1" x14ac:dyDescent="0.15">
      <c r="B173" s="154"/>
      <c r="C173" s="155"/>
      <c r="D173" s="155"/>
      <c r="E173" s="10"/>
      <c r="F173" s="10"/>
      <c r="G173" s="11"/>
      <c r="H173" s="11"/>
      <c r="I173" s="9"/>
      <c r="J173" s="9"/>
      <c r="K173" s="9"/>
      <c r="L173" s="11"/>
      <c r="M173" s="11"/>
      <c r="N173" s="12"/>
    </row>
    <row r="174" spans="2:14" ht="15.75" customHeight="1" x14ac:dyDescent="0.15">
      <c r="B174" s="158"/>
      <c r="E174" s="14"/>
      <c r="F174" s="15"/>
      <c r="G174" s="16" t="s">
        <v>204</v>
      </c>
      <c r="H174" s="16"/>
      <c r="I174" s="17"/>
      <c r="J174" s="18"/>
      <c r="K174" s="19"/>
      <c r="L174" s="20" t="s">
        <v>134</v>
      </c>
      <c r="M174" s="21"/>
      <c r="N174" s="22"/>
    </row>
    <row r="175" spans="2:14" ht="14.25" customHeight="1" x14ac:dyDescent="0.15">
      <c r="B175" s="158"/>
      <c r="C175" s="153" t="s">
        <v>59</v>
      </c>
      <c r="D175" s="153" t="s">
        <v>61</v>
      </c>
      <c r="E175" s="23" t="s">
        <v>58</v>
      </c>
      <c r="F175" s="23" t="s">
        <v>88</v>
      </c>
      <c r="G175" s="447" t="s">
        <v>457</v>
      </c>
      <c r="H175" s="24" t="s">
        <v>367</v>
      </c>
      <c r="I175" s="25" t="s">
        <v>132</v>
      </c>
      <c r="J175" s="26"/>
      <c r="K175" s="26"/>
      <c r="L175" s="27" t="s">
        <v>135</v>
      </c>
      <c r="M175" s="24" t="s">
        <v>45</v>
      </c>
      <c r="N175" s="28" t="s">
        <v>136</v>
      </c>
    </row>
    <row r="176" spans="2:14" ht="14.25" customHeight="1" x14ac:dyDescent="0.15">
      <c r="B176" s="158"/>
      <c r="C176" s="449"/>
      <c r="D176" s="449"/>
      <c r="E176" s="29"/>
      <c r="F176" s="29" t="s">
        <v>366</v>
      </c>
      <c r="G176" s="30" t="s">
        <v>0</v>
      </c>
      <c r="H176" s="30" t="s">
        <v>205</v>
      </c>
      <c r="I176" s="25" t="s">
        <v>133</v>
      </c>
      <c r="J176" s="31"/>
      <c r="K176" s="32"/>
      <c r="L176" s="24" t="s">
        <v>369</v>
      </c>
      <c r="M176" s="33" t="s">
        <v>368</v>
      </c>
      <c r="N176" s="28"/>
    </row>
    <row r="177" spans="2:14" ht="7.5" customHeight="1" x14ac:dyDescent="0.15">
      <c r="B177" s="160"/>
      <c r="C177" s="195"/>
      <c r="D177" s="195"/>
      <c r="E177" s="37"/>
      <c r="F177" s="37"/>
      <c r="G177" s="38"/>
      <c r="H177" s="39"/>
      <c r="I177" s="40"/>
      <c r="J177" s="36"/>
      <c r="K177" s="41"/>
      <c r="L177" s="40"/>
      <c r="M177" s="39"/>
      <c r="N177" s="42"/>
    </row>
    <row r="178" spans="2:14" ht="7.5" customHeight="1" x14ac:dyDescent="0.15">
      <c r="B178" s="158"/>
      <c r="C178" s="449"/>
      <c r="D178" s="449"/>
      <c r="E178" s="44"/>
      <c r="F178" s="135"/>
      <c r="G178" s="2"/>
      <c r="H178" s="2"/>
      <c r="I178" s="1"/>
      <c r="J178" s="1"/>
      <c r="K178" s="1"/>
      <c r="L178" s="2"/>
      <c r="M178" s="2"/>
      <c r="N178" s="197"/>
    </row>
    <row r="179" spans="2:14" ht="14.25" customHeight="1" x14ac:dyDescent="0.15">
      <c r="B179" s="158"/>
      <c r="C179" s="153" t="s">
        <v>82</v>
      </c>
      <c r="D179" s="241" t="s">
        <v>346</v>
      </c>
      <c r="E179" s="242">
        <v>39</v>
      </c>
      <c r="F179" s="192">
        <v>36</v>
      </c>
      <c r="G179" s="199">
        <v>36</v>
      </c>
      <c r="H179" s="199">
        <v>0</v>
      </c>
      <c r="I179" s="199"/>
      <c r="J179" s="199"/>
      <c r="K179" s="199">
        <v>36</v>
      </c>
      <c r="L179" s="199">
        <v>0</v>
      </c>
      <c r="M179" s="200">
        <v>1</v>
      </c>
      <c r="N179" s="201">
        <v>3</v>
      </c>
    </row>
    <row r="180" spans="2:14" ht="21.75" customHeight="1" x14ac:dyDescent="0.15">
      <c r="B180" s="158"/>
      <c r="C180" s="153" t="s">
        <v>123</v>
      </c>
      <c r="D180" s="153" t="s">
        <v>125</v>
      </c>
      <c r="E180" s="243">
        <v>39</v>
      </c>
      <c r="F180" s="192">
        <v>56</v>
      </c>
      <c r="G180" s="199">
        <v>56</v>
      </c>
      <c r="H180" s="199">
        <v>0</v>
      </c>
      <c r="I180" s="199"/>
      <c r="J180" s="199"/>
      <c r="K180" s="199">
        <v>39</v>
      </c>
      <c r="L180" s="199">
        <v>0</v>
      </c>
      <c r="M180" s="200">
        <v>1.44</v>
      </c>
      <c r="N180" s="201">
        <v>0</v>
      </c>
    </row>
    <row r="181" spans="2:14" ht="7.5" customHeight="1" x14ac:dyDescent="0.15">
      <c r="B181" s="160"/>
      <c r="C181" s="161"/>
      <c r="D181" s="161"/>
      <c r="E181" s="188"/>
      <c r="F181" s="189"/>
      <c r="G181" s="189"/>
      <c r="H181" s="189"/>
      <c r="I181" s="190"/>
      <c r="J181" s="190"/>
      <c r="K181" s="190"/>
      <c r="L181" s="189"/>
      <c r="M181" s="189"/>
      <c r="N181" s="191"/>
    </row>
    <row r="182" spans="2:14" ht="7.5" customHeight="1" x14ac:dyDescent="0.15">
      <c r="B182" s="158"/>
      <c r="C182" s="450"/>
      <c r="D182" s="450"/>
      <c r="E182" s="198"/>
      <c r="I182" s="167"/>
      <c r="J182" s="244"/>
      <c r="K182" s="192"/>
      <c r="L182" s="194"/>
      <c r="M182" s="193"/>
      <c r="N182" s="236"/>
    </row>
    <row r="183" spans="2:14" s="202" customFormat="1" ht="14.25" customHeight="1" x14ac:dyDescent="0.15">
      <c r="B183" s="179"/>
      <c r="C183" s="480" t="s">
        <v>64</v>
      </c>
      <c r="D183" s="481"/>
      <c r="E183" s="181">
        <v>78</v>
      </c>
      <c r="F183" s="182">
        <v>92</v>
      </c>
      <c r="G183" s="182">
        <v>92</v>
      </c>
      <c r="H183" s="182">
        <v>0</v>
      </c>
      <c r="I183" s="168"/>
      <c r="J183" s="168"/>
      <c r="K183" s="182">
        <v>75</v>
      </c>
      <c r="L183" s="182">
        <v>0</v>
      </c>
      <c r="M183" s="245">
        <v>1.23</v>
      </c>
      <c r="N183" s="246">
        <v>3</v>
      </c>
    </row>
    <row r="184" spans="2:14" ht="7.5" customHeight="1" x14ac:dyDescent="0.15">
      <c r="B184" s="160"/>
      <c r="C184" s="237"/>
      <c r="D184" s="237"/>
      <c r="E184" s="188"/>
      <c r="F184" s="189"/>
      <c r="G184" s="189"/>
      <c r="H184" s="189"/>
      <c r="I184" s="189"/>
      <c r="J184" s="247"/>
      <c r="K184" s="189"/>
      <c r="L184" s="189"/>
      <c r="M184" s="189"/>
      <c r="N184" s="191"/>
    </row>
    <row r="185" spans="2:14" ht="13.5" customHeight="1" x14ac:dyDescent="0.15"/>
    <row r="186" spans="2:14" ht="13.5" customHeight="1" x14ac:dyDescent="0.15"/>
    <row r="187" spans="2:14" ht="14.25" customHeight="1" x14ac:dyDescent="0.15">
      <c r="B187" s="153" t="s">
        <v>347</v>
      </c>
    </row>
    <row r="188" spans="2:14" ht="7.5" customHeight="1" x14ac:dyDescent="0.15">
      <c r="B188" s="154"/>
      <c r="C188" s="155"/>
      <c r="D188" s="155"/>
      <c r="E188" s="10"/>
      <c r="F188" s="10"/>
      <c r="G188" s="11"/>
      <c r="H188" s="11"/>
      <c r="I188" s="9"/>
      <c r="J188" s="9"/>
      <c r="K188" s="9"/>
      <c r="L188" s="11"/>
      <c r="M188" s="11"/>
      <c r="N188" s="12"/>
    </row>
    <row r="189" spans="2:14" ht="15.75" customHeight="1" x14ac:dyDescent="0.15">
      <c r="B189" s="158"/>
      <c r="E189" s="14"/>
      <c r="F189" s="15"/>
      <c r="G189" s="16" t="s">
        <v>204</v>
      </c>
      <c r="H189" s="16"/>
      <c r="I189" s="17"/>
      <c r="J189" s="18"/>
      <c r="K189" s="19"/>
      <c r="L189" s="20" t="s">
        <v>134</v>
      </c>
      <c r="M189" s="21"/>
      <c r="N189" s="22"/>
    </row>
    <row r="190" spans="2:14" ht="14.25" customHeight="1" x14ac:dyDescent="0.15">
      <c r="B190" s="158"/>
      <c r="C190" s="153" t="s">
        <v>59</v>
      </c>
      <c r="D190" s="153" t="s">
        <v>61</v>
      </c>
      <c r="E190" s="23" t="s">
        <v>58</v>
      </c>
      <c r="F190" s="23" t="s">
        <v>88</v>
      </c>
      <c r="G190" s="447" t="s">
        <v>457</v>
      </c>
      <c r="H190" s="24" t="s">
        <v>367</v>
      </c>
      <c r="I190" s="25" t="s">
        <v>132</v>
      </c>
      <c r="J190" s="26"/>
      <c r="K190" s="26"/>
      <c r="L190" s="27" t="s">
        <v>135</v>
      </c>
      <c r="M190" s="24" t="s">
        <v>45</v>
      </c>
      <c r="N190" s="28" t="s">
        <v>136</v>
      </c>
    </row>
    <row r="191" spans="2:14" ht="14.25" customHeight="1" x14ac:dyDescent="0.15">
      <c r="B191" s="158"/>
      <c r="C191" s="449"/>
      <c r="D191" s="449"/>
      <c r="E191" s="29"/>
      <c r="F191" s="29" t="s">
        <v>366</v>
      </c>
      <c r="G191" s="30" t="s">
        <v>0</v>
      </c>
      <c r="H191" s="30" t="s">
        <v>205</v>
      </c>
      <c r="I191" s="25" t="s">
        <v>133</v>
      </c>
      <c r="J191" s="31"/>
      <c r="K191" s="32"/>
      <c r="L191" s="24" t="s">
        <v>369</v>
      </c>
      <c r="M191" s="33" t="s">
        <v>368</v>
      </c>
      <c r="N191" s="28"/>
    </row>
    <row r="192" spans="2:14" ht="7.5" customHeight="1" x14ac:dyDescent="0.15">
      <c r="B192" s="160"/>
      <c r="C192" s="195"/>
      <c r="D192" s="195"/>
      <c r="E192" s="37"/>
      <c r="F192" s="37"/>
      <c r="G192" s="38"/>
      <c r="H192" s="39"/>
      <c r="I192" s="40"/>
      <c r="J192" s="36"/>
      <c r="K192" s="41"/>
      <c r="L192" s="40"/>
      <c r="M192" s="39"/>
      <c r="N192" s="42"/>
    </row>
    <row r="193" spans="2:14" ht="7.5" customHeight="1" x14ac:dyDescent="0.15">
      <c r="B193" s="158"/>
      <c r="C193" s="449"/>
      <c r="D193" s="449"/>
      <c r="E193" s="44"/>
      <c r="F193" s="135"/>
      <c r="G193" s="2"/>
      <c r="H193" s="2"/>
      <c r="I193" s="1"/>
      <c r="J193" s="1"/>
      <c r="K193" s="1"/>
      <c r="L193" s="2"/>
      <c r="M193" s="2"/>
      <c r="N193" s="197"/>
    </row>
    <row r="194" spans="2:14" ht="14.25" customHeight="1" x14ac:dyDescent="0.15">
      <c r="B194" s="158"/>
      <c r="C194" s="153" t="s">
        <v>75</v>
      </c>
      <c r="D194" s="248" t="s">
        <v>331</v>
      </c>
      <c r="E194" s="242">
        <v>39</v>
      </c>
      <c r="F194" s="192">
        <v>45</v>
      </c>
      <c r="G194" s="199">
        <v>45</v>
      </c>
      <c r="H194" s="199">
        <v>0</v>
      </c>
      <c r="I194" s="199"/>
      <c r="J194" s="199"/>
      <c r="K194" s="199">
        <v>39</v>
      </c>
      <c r="L194" s="199">
        <v>1</v>
      </c>
      <c r="M194" s="200">
        <v>1.1299999999999999</v>
      </c>
      <c r="N194" s="201">
        <v>0</v>
      </c>
    </row>
    <row r="195" spans="2:14" ht="14.25" customHeight="1" x14ac:dyDescent="0.15">
      <c r="B195" s="158"/>
      <c r="C195" s="153" t="s">
        <v>77</v>
      </c>
      <c r="D195" s="248" t="s">
        <v>331</v>
      </c>
      <c r="E195" s="243">
        <v>39</v>
      </c>
      <c r="F195" s="192">
        <v>43</v>
      </c>
      <c r="G195" s="199">
        <v>43</v>
      </c>
      <c r="H195" s="199">
        <v>0</v>
      </c>
      <c r="I195" s="199"/>
      <c r="J195" s="199"/>
      <c r="K195" s="199">
        <v>39</v>
      </c>
      <c r="L195" s="199">
        <v>0</v>
      </c>
      <c r="M195" s="200">
        <v>1.1000000000000001</v>
      </c>
      <c r="N195" s="201">
        <v>0</v>
      </c>
    </row>
    <row r="196" spans="2:14" ht="7.5" customHeight="1" x14ac:dyDescent="0.15">
      <c r="B196" s="160"/>
      <c r="C196" s="161"/>
      <c r="D196" s="161"/>
      <c r="E196" s="188"/>
      <c r="F196" s="189"/>
      <c r="G196" s="189"/>
      <c r="H196" s="189"/>
      <c r="I196" s="190"/>
      <c r="J196" s="190"/>
      <c r="K196" s="190"/>
      <c r="L196" s="189"/>
      <c r="M196" s="189"/>
      <c r="N196" s="191"/>
    </row>
    <row r="197" spans="2:14" ht="7.5" customHeight="1" x14ac:dyDescent="0.15">
      <c r="B197" s="158"/>
      <c r="C197" s="450"/>
      <c r="D197" s="450"/>
      <c r="E197" s="198"/>
      <c r="I197" s="167"/>
      <c r="J197" s="244"/>
      <c r="K197" s="192"/>
      <c r="L197" s="194"/>
      <c r="M197" s="193"/>
      <c r="N197" s="236"/>
    </row>
    <row r="198" spans="2:14" s="202" customFormat="1" ht="14.25" customHeight="1" x14ac:dyDescent="0.15">
      <c r="B198" s="179"/>
      <c r="C198" s="480" t="s">
        <v>64</v>
      </c>
      <c r="D198" s="481"/>
      <c r="E198" s="181">
        <v>78</v>
      </c>
      <c r="F198" s="182">
        <v>88</v>
      </c>
      <c r="G198" s="182">
        <v>88</v>
      </c>
      <c r="H198" s="182">
        <v>0</v>
      </c>
      <c r="I198" s="168"/>
      <c r="J198" s="168"/>
      <c r="K198" s="182">
        <v>78</v>
      </c>
      <c r="L198" s="182">
        <v>1</v>
      </c>
      <c r="M198" s="245">
        <v>1.1200000000000001</v>
      </c>
      <c r="N198" s="246">
        <v>0</v>
      </c>
    </row>
    <row r="199" spans="2:14" ht="7.5" customHeight="1" x14ac:dyDescent="0.15">
      <c r="B199" s="160"/>
      <c r="C199" s="237"/>
      <c r="D199" s="237"/>
      <c r="E199" s="188"/>
      <c r="F199" s="189"/>
      <c r="G199" s="189"/>
      <c r="H199" s="189"/>
      <c r="I199" s="189"/>
      <c r="J199" s="247"/>
      <c r="K199" s="189"/>
      <c r="L199" s="189"/>
      <c r="M199" s="189"/>
      <c r="N199" s="191"/>
    </row>
    <row r="202" spans="2:14" ht="14.25" customHeight="1" x14ac:dyDescent="0.15">
      <c r="B202" s="153" t="s">
        <v>318</v>
      </c>
    </row>
    <row r="203" spans="2:14" ht="7.5" customHeight="1" x14ac:dyDescent="0.15">
      <c r="B203" s="154"/>
      <c r="C203" s="155"/>
      <c r="D203" s="155"/>
      <c r="E203" s="10"/>
      <c r="F203" s="10"/>
      <c r="G203" s="11"/>
      <c r="H203" s="11"/>
      <c r="I203" s="9"/>
      <c r="J203" s="9"/>
      <c r="K203" s="9"/>
      <c r="L203" s="11"/>
      <c r="M203" s="11"/>
      <c r="N203" s="12"/>
    </row>
    <row r="204" spans="2:14" ht="15.75" customHeight="1" x14ac:dyDescent="0.15">
      <c r="B204" s="158"/>
      <c r="E204" s="14"/>
      <c r="F204" s="15"/>
      <c r="G204" s="16" t="s">
        <v>204</v>
      </c>
      <c r="H204" s="16"/>
      <c r="I204" s="17"/>
      <c r="J204" s="18"/>
      <c r="K204" s="19"/>
      <c r="L204" s="20" t="s">
        <v>134</v>
      </c>
      <c r="M204" s="21"/>
      <c r="N204" s="22"/>
    </row>
    <row r="205" spans="2:14" ht="14.25" customHeight="1" x14ac:dyDescent="0.15">
      <c r="B205" s="158"/>
      <c r="C205" s="153" t="s">
        <v>59</v>
      </c>
      <c r="D205" s="153" t="s">
        <v>61</v>
      </c>
      <c r="E205" s="23" t="s">
        <v>58</v>
      </c>
      <c r="F205" s="23" t="s">
        <v>88</v>
      </c>
      <c r="G205" s="447" t="s">
        <v>457</v>
      </c>
      <c r="H205" s="24" t="s">
        <v>367</v>
      </c>
      <c r="I205" s="25" t="s">
        <v>132</v>
      </c>
      <c r="J205" s="26"/>
      <c r="K205" s="26"/>
      <c r="L205" s="27" t="s">
        <v>135</v>
      </c>
      <c r="M205" s="24" t="s">
        <v>45</v>
      </c>
      <c r="N205" s="28" t="s">
        <v>136</v>
      </c>
    </row>
    <row r="206" spans="2:14" ht="14.25" customHeight="1" x14ac:dyDescent="0.15">
      <c r="B206" s="158"/>
      <c r="C206" s="449"/>
      <c r="D206" s="449"/>
      <c r="E206" s="29"/>
      <c r="F206" s="29" t="s">
        <v>366</v>
      </c>
      <c r="G206" s="30" t="s">
        <v>0</v>
      </c>
      <c r="H206" s="30" t="s">
        <v>205</v>
      </c>
      <c r="I206" s="25" t="s">
        <v>133</v>
      </c>
      <c r="J206" s="31"/>
      <c r="K206" s="32"/>
      <c r="L206" s="24" t="s">
        <v>369</v>
      </c>
      <c r="M206" s="33" t="s">
        <v>368</v>
      </c>
      <c r="N206" s="28"/>
    </row>
    <row r="207" spans="2:14" ht="7.5" customHeight="1" x14ac:dyDescent="0.15">
      <c r="B207" s="160"/>
      <c r="C207" s="195"/>
      <c r="D207" s="195"/>
      <c r="E207" s="37"/>
      <c r="F207" s="37"/>
      <c r="G207" s="38"/>
      <c r="H207" s="39"/>
      <c r="I207" s="40"/>
      <c r="J207" s="36"/>
      <c r="K207" s="41"/>
      <c r="L207" s="40"/>
      <c r="M207" s="39"/>
      <c r="N207" s="42"/>
    </row>
    <row r="208" spans="2:14" ht="7.5" customHeight="1" x14ac:dyDescent="0.15">
      <c r="B208" s="158"/>
      <c r="C208" s="449"/>
      <c r="D208" s="449"/>
      <c r="E208" s="44"/>
      <c r="F208" s="135"/>
      <c r="G208" s="2"/>
      <c r="H208" s="2"/>
      <c r="I208" s="1"/>
      <c r="J208" s="1"/>
      <c r="K208" s="1"/>
      <c r="L208" s="2"/>
      <c r="M208" s="2"/>
      <c r="N208" s="197"/>
    </row>
    <row r="209" spans="2:14" ht="14.25" customHeight="1" x14ac:dyDescent="0.15">
      <c r="B209" s="158"/>
      <c r="C209" s="248" t="s">
        <v>121</v>
      </c>
      <c r="D209" s="248" t="s">
        <v>122</v>
      </c>
      <c r="E209" s="198">
        <v>35</v>
      </c>
      <c r="F209" s="192">
        <v>53</v>
      </c>
      <c r="G209" s="199">
        <v>53</v>
      </c>
      <c r="H209" s="199">
        <v>0</v>
      </c>
      <c r="I209" s="199"/>
      <c r="J209" s="199"/>
      <c r="K209" s="199">
        <v>35</v>
      </c>
      <c r="L209" s="199">
        <v>0</v>
      </c>
      <c r="M209" s="200">
        <v>1.51</v>
      </c>
      <c r="N209" s="201">
        <v>0</v>
      </c>
    </row>
    <row r="210" spans="2:14" ht="14.25" customHeight="1" x14ac:dyDescent="0.15">
      <c r="B210" s="158"/>
      <c r="C210" s="153" t="s">
        <v>123</v>
      </c>
      <c r="D210" s="153" t="s">
        <v>124</v>
      </c>
      <c r="E210" s="198">
        <v>39</v>
      </c>
      <c r="F210" s="192">
        <v>63</v>
      </c>
      <c r="G210" s="199">
        <v>63</v>
      </c>
      <c r="H210" s="199">
        <v>0</v>
      </c>
      <c r="I210" s="199"/>
      <c r="J210" s="199"/>
      <c r="K210" s="199">
        <v>39</v>
      </c>
      <c r="L210" s="199">
        <v>1</v>
      </c>
      <c r="M210" s="200">
        <v>1.59</v>
      </c>
      <c r="N210" s="201">
        <v>0</v>
      </c>
    </row>
    <row r="211" spans="2:14" ht="7.5" customHeight="1" x14ac:dyDescent="0.15">
      <c r="B211" s="170"/>
      <c r="C211" s="249"/>
      <c r="D211" s="249"/>
      <c r="E211" s="207"/>
      <c r="F211" s="208"/>
      <c r="G211" s="208"/>
      <c r="H211" s="208"/>
      <c r="I211" s="231"/>
      <c r="J211" s="250"/>
      <c r="K211" s="208"/>
      <c r="L211" s="232"/>
      <c r="M211" s="233"/>
      <c r="N211" s="235"/>
    </row>
    <row r="212" spans="2:14" ht="7.5" customHeight="1" x14ac:dyDescent="0.15">
      <c r="B212" s="158"/>
      <c r="C212" s="450"/>
      <c r="D212" s="450"/>
      <c r="E212" s="198"/>
      <c r="I212" s="167"/>
      <c r="J212" s="244"/>
      <c r="K212" s="192"/>
      <c r="L212" s="194"/>
      <c r="M212" s="193"/>
      <c r="N212" s="236"/>
    </row>
    <row r="213" spans="2:14" s="202" customFormat="1" ht="14.25" customHeight="1" x14ac:dyDescent="0.15">
      <c r="B213" s="179"/>
      <c r="C213" s="480" t="s">
        <v>64</v>
      </c>
      <c r="D213" s="481"/>
      <c r="E213" s="181">
        <v>74</v>
      </c>
      <c r="F213" s="182">
        <v>116</v>
      </c>
      <c r="G213" s="182">
        <v>116</v>
      </c>
      <c r="H213" s="182">
        <v>0</v>
      </c>
      <c r="I213" s="168"/>
      <c r="J213" s="168"/>
      <c r="K213" s="182">
        <v>74</v>
      </c>
      <c r="L213" s="182">
        <v>1</v>
      </c>
      <c r="M213" s="245">
        <v>1.55</v>
      </c>
      <c r="N213" s="246">
        <v>0</v>
      </c>
    </row>
    <row r="214" spans="2:14" ht="7.5" customHeight="1" x14ac:dyDescent="0.15">
      <c r="B214" s="160"/>
      <c r="C214" s="237"/>
      <c r="D214" s="237"/>
      <c r="E214" s="188"/>
      <c r="F214" s="189"/>
      <c r="G214" s="189"/>
      <c r="H214" s="189"/>
      <c r="I214" s="189"/>
      <c r="J214" s="247"/>
      <c r="K214" s="189"/>
      <c r="L214" s="189"/>
      <c r="M214" s="189"/>
      <c r="N214" s="191"/>
    </row>
    <row r="215" spans="2:14" ht="14.25" customHeight="1" x14ac:dyDescent="0.15"/>
    <row r="216" spans="2:14" ht="7.5" customHeight="1" x14ac:dyDescent="0.15"/>
    <row r="218" spans="2:14" ht="14.25" customHeight="1" x14ac:dyDescent="0.15"/>
  </sheetData>
  <mergeCells count="9">
    <mergeCell ref="C183:D183"/>
    <mergeCell ref="C198:D198"/>
    <mergeCell ref="C213:D213"/>
    <mergeCell ref="C24:D24"/>
    <mergeCell ref="C81:D81"/>
    <mergeCell ref="C103:D103"/>
    <mergeCell ref="C157:D157"/>
    <mergeCell ref="B53:N53"/>
    <mergeCell ref="B105:N105"/>
  </mergeCells>
  <phoneticPr fontId="2"/>
  <printOptions horizontalCentered="1"/>
  <pageMargins left="0.78740157480314965" right="0.78740157480314965" top="0.78740157480314965" bottom="0.59055118110236227" header="0.51181102362204722" footer="0.39370078740157483"/>
  <pageSetup paperSize="9" scale="70" firstPageNumber="4" fitToHeight="0" orientation="portrait" blackAndWhite="1" useFirstPageNumber="1" r:id="rId1"/>
  <headerFooter alignWithMargins="0">
    <oddFooter>&amp;C&amp;P</oddFooter>
  </headerFooter>
  <rowBreaks count="4" manualBreakCount="4">
    <brk id="53" max="13" man="1"/>
    <brk id="106" max="13" man="1"/>
    <brk id="171" max="13" man="1"/>
    <brk id="225" min="2" max="12"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B2:O195"/>
  <sheetViews>
    <sheetView zoomScale="85" zoomScaleNormal="85" workbookViewId="0"/>
  </sheetViews>
  <sheetFormatPr defaultColWidth="9" defaultRowHeight="13.5" x14ac:dyDescent="0.15"/>
  <cols>
    <col min="1" max="2" width="1.5" style="153" customWidth="1"/>
    <col min="3" max="3" width="21" style="153" customWidth="1"/>
    <col min="4" max="4" width="14.5" style="153" customWidth="1"/>
    <col min="5" max="5" width="10.25" style="153" bestFit="1" customWidth="1"/>
    <col min="6" max="6" width="9" style="153" customWidth="1"/>
    <col min="7" max="7" width="9.125" style="153" bestFit="1" customWidth="1"/>
    <col min="8" max="8" width="7.25" style="153" bestFit="1" customWidth="1"/>
    <col min="9" max="9" width="5.125" style="153" bestFit="1" customWidth="1"/>
    <col min="10" max="10" width="4.875" style="153" bestFit="1" customWidth="1"/>
    <col min="11" max="11" width="7.75" style="153" bestFit="1" customWidth="1"/>
    <col min="12" max="12" width="12.25" style="153" bestFit="1" customWidth="1"/>
    <col min="13" max="13" width="10.125" style="153" bestFit="1" customWidth="1"/>
    <col min="14" max="14" width="6" style="153" bestFit="1" customWidth="1"/>
    <col min="15" max="16384" width="9" style="153"/>
  </cols>
  <sheetData>
    <row r="2" spans="2:15" ht="7.5" customHeight="1" x14ac:dyDescent="0.15"/>
    <row r="3" spans="2:15" x14ac:dyDescent="0.15">
      <c r="B3" s="153" t="s">
        <v>171</v>
      </c>
      <c r="E3" s="192"/>
      <c r="F3" s="192"/>
      <c r="G3" s="192"/>
      <c r="H3" s="192"/>
      <c r="L3" s="192"/>
      <c r="M3" s="192"/>
      <c r="N3" s="193"/>
    </row>
    <row r="4" spans="2:15" ht="7.5" customHeight="1" x14ac:dyDescent="0.15">
      <c r="B4" s="154"/>
      <c r="C4" s="155"/>
      <c r="D4" s="155"/>
      <c r="E4" s="251"/>
      <c r="F4" s="251"/>
      <c r="G4" s="155"/>
      <c r="H4" s="155"/>
      <c r="I4" s="223"/>
      <c r="J4" s="223"/>
      <c r="K4" s="223"/>
      <c r="L4" s="155"/>
      <c r="M4" s="155"/>
      <c r="N4" s="252"/>
    </row>
    <row r="5" spans="2:15" ht="15.75" customHeight="1" x14ac:dyDescent="0.15">
      <c r="B5" s="158"/>
      <c r="E5" s="14"/>
      <c r="F5" s="15"/>
      <c r="G5" s="16" t="s">
        <v>204</v>
      </c>
      <c r="H5" s="16"/>
      <c r="I5" s="253" t="s">
        <v>174</v>
      </c>
      <c r="J5" s="111"/>
      <c r="K5" s="111"/>
      <c r="L5" s="20" t="s">
        <v>134</v>
      </c>
      <c r="M5" s="21"/>
      <c r="N5" s="22"/>
    </row>
    <row r="6" spans="2:15" ht="14.25" customHeight="1" x14ac:dyDescent="0.15">
      <c r="B6" s="158"/>
      <c r="C6" s="153" t="s">
        <v>59</v>
      </c>
      <c r="D6" s="153" t="s">
        <v>279</v>
      </c>
      <c r="E6" s="23" t="s">
        <v>58</v>
      </c>
      <c r="F6" s="23" t="s">
        <v>88</v>
      </c>
      <c r="G6" s="447" t="s">
        <v>457</v>
      </c>
      <c r="H6" s="24" t="s">
        <v>367</v>
      </c>
      <c r="I6" s="112" t="s">
        <v>150</v>
      </c>
      <c r="J6" s="112" t="s">
        <v>150</v>
      </c>
      <c r="K6" s="113" t="s">
        <v>88</v>
      </c>
      <c r="L6" s="27" t="s">
        <v>135</v>
      </c>
      <c r="M6" s="24" t="s">
        <v>45</v>
      </c>
      <c r="N6" s="28" t="s">
        <v>136</v>
      </c>
    </row>
    <row r="7" spans="2:15" ht="14.25" customHeight="1" x14ac:dyDescent="0.15">
      <c r="B7" s="158"/>
      <c r="C7" s="449"/>
      <c r="D7" s="449"/>
      <c r="E7" s="29"/>
      <c r="F7" s="29" t="s">
        <v>366</v>
      </c>
      <c r="G7" s="30" t="s">
        <v>0</v>
      </c>
      <c r="H7" s="30" t="s">
        <v>205</v>
      </c>
      <c r="I7" s="114" t="s">
        <v>151</v>
      </c>
      <c r="J7" s="114" t="s">
        <v>152</v>
      </c>
      <c r="K7" s="27" t="s">
        <v>133</v>
      </c>
      <c r="L7" s="24" t="s">
        <v>369</v>
      </c>
      <c r="M7" s="33" t="s">
        <v>368</v>
      </c>
      <c r="N7" s="28"/>
    </row>
    <row r="8" spans="2:15" ht="7.5" customHeight="1" x14ac:dyDescent="0.15">
      <c r="B8" s="160"/>
      <c r="C8" s="195"/>
      <c r="D8" s="195"/>
      <c r="E8" s="37"/>
      <c r="F8" s="37"/>
      <c r="G8" s="38"/>
      <c r="H8" s="39"/>
      <c r="I8" s="116"/>
      <c r="J8" s="116"/>
      <c r="K8" s="116"/>
      <c r="L8" s="40"/>
      <c r="M8" s="39"/>
      <c r="N8" s="42"/>
    </row>
    <row r="9" spans="2:15" ht="7.5" customHeight="1" x14ac:dyDescent="0.15">
      <c r="B9" s="154"/>
      <c r="C9" s="449"/>
      <c r="D9" s="449"/>
      <c r="E9" s="254"/>
      <c r="F9" s="255"/>
      <c r="I9" s="449"/>
      <c r="J9" s="449"/>
      <c r="K9" s="449"/>
      <c r="N9" s="256"/>
    </row>
    <row r="10" spans="2:15" ht="14.25" customHeight="1" x14ac:dyDescent="0.15">
      <c r="B10" s="158"/>
      <c r="C10" s="153" t="s">
        <v>126</v>
      </c>
      <c r="D10" s="229" t="s">
        <v>49</v>
      </c>
      <c r="E10" s="198">
        <v>119</v>
      </c>
      <c r="F10" s="192">
        <v>182</v>
      </c>
      <c r="G10" s="199">
        <v>182</v>
      </c>
      <c r="H10" s="199">
        <v>0</v>
      </c>
      <c r="I10" s="257" t="s">
        <v>46</v>
      </c>
      <c r="J10" s="257" t="s">
        <v>46</v>
      </c>
      <c r="K10" s="199">
        <v>119</v>
      </c>
      <c r="L10" s="199">
        <v>1</v>
      </c>
      <c r="M10" s="200">
        <v>1.52</v>
      </c>
      <c r="N10" s="219">
        <v>0</v>
      </c>
    </row>
    <row r="11" spans="2:15" ht="14.25" customHeight="1" x14ac:dyDescent="0.15">
      <c r="B11" s="158"/>
      <c r="C11" s="153" t="s">
        <v>40</v>
      </c>
      <c r="D11" s="229" t="s">
        <v>50</v>
      </c>
      <c r="E11" s="198">
        <v>89</v>
      </c>
      <c r="F11" s="192">
        <v>116</v>
      </c>
      <c r="G11" s="199">
        <v>116</v>
      </c>
      <c r="H11" s="199">
        <v>0</v>
      </c>
      <c r="I11" s="257" t="s">
        <v>1</v>
      </c>
      <c r="J11" s="257" t="s">
        <v>1</v>
      </c>
      <c r="K11" s="199">
        <v>89</v>
      </c>
      <c r="L11" s="199">
        <v>2</v>
      </c>
      <c r="M11" s="200">
        <v>1.28</v>
      </c>
      <c r="N11" s="219">
        <v>0</v>
      </c>
    </row>
    <row r="12" spans="2:15" s="202" customFormat="1" ht="14.25" customHeight="1" x14ac:dyDescent="0.15">
      <c r="B12" s="179"/>
      <c r="D12" s="202" t="s">
        <v>156</v>
      </c>
      <c r="E12" s="445">
        <v>208</v>
      </c>
      <c r="F12" s="203">
        <v>298</v>
      </c>
      <c r="G12" s="203">
        <v>298</v>
      </c>
      <c r="H12" s="203">
        <v>0</v>
      </c>
      <c r="I12" s="257" t="s">
        <v>46</v>
      </c>
      <c r="J12" s="257" t="s">
        <v>46</v>
      </c>
      <c r="K12" s="203">
        <v>208</v>
      </c>
      <c r="L12" s="258">
        <v>3</v>
      </c>
      <c r="M12" s="204">
        <v>1.42</v>
      </c>
      <c r="N12" s="221">
        <v>0</v>
      </c>
      <c r="O12" s="153"/>
    </row>
    <row r="13" spans="2:15" ht="21.75" customHeight="1" x14ac:dyDescent="0.15">
      <c r="B13" s="158"/>
      <c r="C13" s="153" t="s">
        <v>127</v>
      </c>
      <c r="D13" s="153" t="s">
        <v>128</v>
      </c>
      <c r="E13" s="198">
        <v>232</v>
      </c>
      <c r="F13" s="192">
        <v>209</v>
      </c>
      <c r="G13" s="199">
        <v>205</v>
      </c>
      <c r="H13" s="199">
        <v>4</v>
      </c>
      <c r="I13" s="257" t="s">
        <v>1</v>
      </c>
      <c r="J13" s="257" t="s">
        <v>1</v>
      </c>
      <c r="K13" s="199">
        <v>208</v>
      </c>
      <c r="L13" s="199">
        <v>1</v>
      </c>
      <c r="M13" s="200">
        <v>1</v>
      </c>
      <c r="N13" s="219">
        <v>24</v>
      </c>
    </row>
    <row r="14" spans="2:15" ht="14.25" customHeight="1" x14ac:dyDescent="0.15">
      <c r="B14" s="158"/>
      <c r="C14" s="153" t="s">
        <v>332</v>
      </c>
      <c r="D14" s="153" t="s">
        <v>128</v>
      </c>
      <c r="E14" s="198">
        <v>279</v>
      </c>
      <c r="F14" s="192">
        <v>359</v>
      </c>
      <c r="G14" s="199">
        <v>357</v>
      </c>
      <c r="H14" s="199">
        <v>2</v>
      </c>
      <c r="I14" s="257" t="s">
        <v>1</v>
      </c>
      <c r="J14" s="257" t="s">
        <v>1</v>
      </c>
      <c r="K14" s="199">
        <v>279</v>
      </c>
      <c r="L14" s="199">
        <v>3</v>
      </c>
      <c r="M14" s="200">
        <v>1.28</v>
      </c>
      <c r="N14" s="219">
        <v>0</v>
      </c>
    </row>
    <row r="15" spans="2:15" ht="14.25" customHeight="1" x14ac:dyDescent="0.15">
      <c r="B15" s="158"/>
      <c r="C15" s="153" t="s">
        <v>129</v>
      </c>
      <c r="D15" s="153" t="s">
        <v>128</v>
      </c>
      <c r="E15" s="198">
        <v>270</v>
      </c>
      <c r="F15" s="192">
        <v>285</v>
      </c>
      <c r="G15" s="199">
        <v>284</v>
      </c>
      <c r="H15" s="199">
        <v>1</v>
      </c>
      <c r="I15" s="257" t="s">
        <v>1</v>
      </c>
      <c r="J15" s="257" t="s">
        <v>1</v>
      </c>
      <c r="K15" s="199">
        <v>270</v>
      </c>
      <c r="L15" s="199">
        <v>3</v>
      </c>
      <c r="M15" s="200">
        <v>1.04</v>
      </c>
      <c r="N15" s="219">
        <v>0</v>
      </c>
    </row>
    <row r="16" spans="2:15" ht="14.25" customHeight="1" x14ac:dyDescent="0.15">
      <c r="B16" s="158"/>
      <c r="C16" s="153" t="s">
        <v>348</v>
      </c>
      <c r="D16" s="153" t="s">
        <v>128</v>
      </c>
      <c r="E16" s="198">
        <v>266</v>
      </c>
      <c r="F16" s="192">
        <v>398</v>
      </c>
      <c r="G16" s="199">
        <v>397</v>
      </c>
      <c r="H16" s="199">
        <v>1</v>
      </c>
      <c r="I16" s="257" t="s">
        <v>1</v>
      </c>
      <c r="J16" s="257" t="s">
        <v>1</v>
      </c>
      <c r="K16" s="199">
        <v>266</v>
      </c>
      <c r="L16" s="199">
        <v>1</v>
      </c>
      <c r="M16" s="200">
        <v>1.49</v>
      </c>
      <c r="N16" s="219">
        <v>0</v>
      </c>
    </row>
    <row r="17" spans="2:15" ht="14.25" customHeight="1" x14ac:dyDescent="0.15">
      <c r="B17" s="158"/>
      <c r="C17" s="153" t="s">
        <v>245</v>
      </c>
      <c r="D17" s="153" t="s">
        <v>246</v>
      </c>
      <c r="E17" s="198">
        <v>319</v>
      </c>
      <c r="F17" s="192">
        <v>401</v>
      </c>
      <c r="G17" s="199">
        <v>398</v>
      </c>
      <c r="H17" s="199">
        <v>3</v>
      </c>
      <c r="I17" s="257" t="s">
        <v>1</v>
      </c>
      <c r="J17" s="257" t="s">
        <v>1</v>
      </c>
      <c r="K17" s="199">
        <v>319</v>
      </c>
      <c r="L17" s="199">
        <v>0</v>
      </c>
      <c r="M17" s="200">
        <v>1.26</v>
      </c>
      <c r="N17" s="219">
        <v>0</v>
      </c>
    </row>
    <row r="18" spans="2:15" ht="14.25" customHeight="1" x14ac:dyDescent="0.15">
      <c r="B18" s="158"/>
      <c r="C18" s="153" t="s">
        <v>63</v>
      </c>
      <c r="D18" s="153" t="s">
        <v>128</v>
      </c>
      <c r="E18" s="198">
        <v>223</v>
      </c>
      <c r="F18" s="192">
        <v>294</v>
      </c>
      <c r="G18" s="199">
        <v>294</v>
      </c>
      <c r="H18" s="199">
        <v>0</v>
      </c>
      <c r="I18" s="257" t="s">
        <v>1</v>
      </c>
      <c r="J18" s="257" t="s">
        <v>1</v>
      </c>
      <c r="K18" s="199">
        <v>223</v>
      </c>
      <c r="L18" s="199">
        <v>0</v>
      </c>
      <c r="M18" s="200">
        <v>1.32</v>
      </c>
      <c r="N18" s="219">
        <v>0</v>
      </c>
    </row>
    <row r="19" spans="2:15" ht="14.25" customHeight="1" x14ac:dyDescent="0.15">
      <c r="B19" s="158"/>
      <c r="C19" s="153" t="s">
        <v>142</v>
      </c>
      <c r="D19" s="153" t="s">
        <v>128</v>
      </c>
      <c r="E19" s="198">
        <v>229</v>
      </c>
      <c r="F19" s="192">
        <v>201</v>
      </c>
      <c r="G19" s="199">
        <v>199</v>
      </c>
      <c r="H19" s="199">
        <v>2</v>
      </c>
      <c r="I19" s="257" t="s">
        <v>1</v>
      </c>
      <c r="J19" s="257" t="s">
        <v>1</v>
      </c>
      <c r="K19" s="199">
        <v>200</v>
      </c>
      <c r="L19" s="199">
        <v>1</v>
      </c>
      <c r="M19" s="200">
        <v>1</v>
      </c>
      <c r="N19" s="219">
        <v>29</v>
      </c>
    </row>
    <row r="20" spans="2:15" ht="14.25" customHeight="1" x14ac:dyDescent="0.15">
      <c r="B20" s="158"/>
      <c r="C20" s="153" t="s">
        <v>372</v>
      </c>
      <c r="D20" s="153" t="s">
        <v>128</v>
      </c>
      <c r="E20" s="198">
        <v>199</v>
      </c>
      <c r="F20" s="192">
        <v>130</v>
      </c>
      <c r="G20" s="199">
        <v>130</v>
      </c>
      <c r="H20" s="199">
        <v>0</v>
      </c>
      <c r="I20" s="257" t="s">
        <v>1</v>
      </c>
      <c r="J20" s="257" t="s">
        <v>1</v>
      </c>
      <c r="K20" s="199">
        <v>130</v>
      </c>
      <c r="L20" s="199">
        <v>0</v>
      </c>
      <c r="M20" s="200">
        <v>1</v>
      </c>
      <c r="N20" s="219">
        <v>69</v>
      </c>
    </row>
    <row r="21" spans="2:15" ht="14.25" customHeight="1" x14ac:dyDescent="0.15">
      <c r="B21" s="158"/>
      <c r="C21" s="153" t="s">
        <v>185</v>
      </c>
      <c r="D21" s="153" t="s">
        <v>128</v>
      </c>
      <c r="E21" s="198">
        <v>279</v>
      </c>
      <c r="F21" s="192">
        <v>326</v>
      </c>
      <c r="G21" s="199">
        <v>323</v>
      </c>
      <c r="H21" s="199">
        <v>3</v>
      </c>
      <c r="I21" s="257" t="s">
        <v>1</v>
      </c>
      <c r="J21" s="257" t="s">
        <v>1</v>
      </c>
      <c r="K21" s="199">
        <v>279</v>
      </c>
      <c r="L21" s="199">
        <v>0</v>
      </c>
      <c r="M21" s="200">
        <v>1.17</v>
      </c>
      <c r="N21" s="219">
        <v>0</v>
      </c>
    </row>
    <row r="22" spans="2:15" ht="14.25" customHeight="1" x14ac:dyDescent="0.15">
      <c r="B22" s="158"/>
      <c r="C22" s="153" t="s">
        <v>247</v>
      </c>
      <c r="D22" s="153" t="s">
        <v>246</v>
      </c>
      <c r="E22" s="198">
        <v>199</v>
      </c>
      <c r="F22" s="192">
        <v>187</v>
      </c>
      <c r="G22" s="199">
        <v>186</v>
      </c>
      <c r="H22" s="199">
        <v>1</v>
      </c>
      <c r="I22" s="257" t="s">
        <v>1</v>
      </c>
      <c r="J22" s="257" t="s">
        <v>1</v>
      </c>
      <c r="K22" s="199">
        <v>184</v>
      </c>
      <c r="L22" s="199">
        <v>3</v>
      </c>
      <c r="M22" s="200">
        <v>1</v>
      </c>
      <c r="N22" s="219">
        <v>15</v>
      </c>
    </row>
    <row r="23" spans="2:15" ht="14.25" customHeight="1" x14ac:dyDescent="0.15">
      <c r="B23" s="158"/>
      <c r="C23" s="153" t="s">
        <v>130</v>
      </c>
      <c r="D23" s="153" t="s">
        <v>128</v>
      </c>
      <c r="E23" s="198">
        <v>319</v>
      </c>
      <c r="F23" s="192">
        <v>420</v>
      </c>
      <c r="G23" s="199">
        <v>419</v>
      </c>
      <c r="H23" s="199">
        <v>1</v>
      </c>
      <c r="I23" s="257" t="s">
        <v>1</v>
      </c>
      <c r="J23" s="257" t="s">
        <v>1</v>
      </c>
      <c r="K23" s="199">
        <v>319</v>
      </c>
      <c r="L23" s="199">
        <v>6</v>
      </c>
      <c r="M23" s="200">
        <v>1.3</v>
      </c>
      <c r="N23" s="219">
        <v>0</v>
      </c>
    </row>
    <row r="24" spans="2:15" ht="14.25" customHeight="1" x14ac:dyDescent="0.15">
      <c r="B24" s="158"/>
      <c r="C24" s="153" t="s">
        <v>72</v>
      </c>
      <c r="D24" s="153" t="s">
        <v>128</v>
      </c>
      <c r="E24" s="198">
        <v>230</v>
      </c>
      <c r="F24" s="192">
        <v>273</v>
      </c>
      <c r="G24" s="199">
        <v>272</v>
      </c>
      <c r="H24" s="199">
        <v>1</v>
      </c>
      <c r="I24" s="257" t="s">
        <v>1</v>
      </c>
      <c r="J24" s="257" t="s">
        <v>1</v>
      </c>
      <c r="K24" s="199">
        <v>230</v>
      </c>
      <c r="L24" s="199">
        <v>0</v>
      </c>
      <c r="M24" s="200">
        <v>1.19</v>
      </c>
      <c r="N24" s="219">
        <v>0</v>
      </c>
    </row>
    <row r="25" spans="2:15" ht="14.25" customHeight="1" x14ac:dyDescent="0.15">
      <c r="B25" s="158"/>
      <c r="C25" s="153" t="s">
        <v>439</v>
      </c>
      <c r="D25" s="153" t="s">
        <v>128</v>
      </c>
      <c r="E25" s="198">
        <v>279</v>
      </c>
      <c r="F25" s="192">
        <v>330</v>
      </c>
      <c r="G25" s="199">
        <v>328</v>
      </c>
      <c r="H25" s="199">
        <v>2</v>
      </c>
      <c r="I25" s="257" t="s">
        <v>1</v>
      </c>
      <c r="J25" s="257" t="s">
        <v>1</v>
      </c>
      <c r="K25" s="199">
        <v>279</v>
      </c>
      <c r="L25" s="199">
        <v>0</v>
      </c>
      <c r="M25" s="200">
        <v>1.18</v>
      </c>
      <c r="N25" s="219">
        <v>0</v>
      </c>
    </row>
    <row r="26" spans="2:15" ht="14.25" customHeight="1" x14ac:dyDescent="0.15">
      <c r="B26" s="158"/>
      <c r="C26" s="153" t="s">
        <v>396</v>
      </c>
      <c r="D26" s="153" t="s">
        <v>128</v>
      </c>
      <c r="E26" s="198">
        <v>184</v>
      </c>
      <c r="F26" s="192">
        <v>216</v>
      </c>
      <c r="G26" s="199">
        <v>216</v>
      </c>
      <c r="H26" s="199">
        <v>0</v>
      </c>
      <c r="I26" s="257" t="s">
        <v>1</v>
      </c>
      <c r="J26" s="257" t="s">
        <v>1</v>
      </c>
      <c r="K26" s="199">
        <v>184</v>
      </c>
      <c r="L26" s="199">
        <v>0</v>
      </c>
      <c r="M26" s="200">
        <v>1.17</v>
      </c>
      <c r="N26" s="219">
        <v>0</v>
      </c>
    </row>
    <row r="27" spans="2:15" ht="21.75" customHeight="1" x14ac:dyDescent="0.15">
      <c r="B27" s="158"/>
      <c r="C27" s="153" t="s">
        <v>131</v>
      </c>
      <c r="D27" s="153" t="s">
        <v>128</v>
      </c>
      <c r="E27" s="198">
        <v>268</v>
      </c>
      <c r="F27" s="192">
        <v>322</v>
      </c>
      <c r="G27" s="199">
        <v>322</v>
      </c>
      <c r="H27" s="199">
        <v>0</v>
      </c>
      <c r="I27" s="199">
        <v>259</v>
      </c>
      <c r="J27" s="199">
        <v>9</v>
      </c>
      <c r="K27" s="199">
        <v>268</v>
      </c>
      <c r="L27" s="199">
        <v>5</v>
      </c>
      <c r="M27" s="200">
        <v>1.18</v>
      </c>
      <c r="N27" s="219">
        <v>0</v>
      </c>
    </row>
    <row r="28" spans="2:15" ht="14.25" customHeight="1" x14ac:dyDescent="0.15">
      <c r="B28" s="158"/>
      <c r="C28" s="153" t="s">
        <v>138</v>
      </c>
      <c r="D28" s="429" t="s">
        <v>320</v>
      </c>
      <c r="E28" s="198">
        <v>279</v>
      </c>
      <c r="F28" s="192">
        <v>361</v>
      </c>
      <c r="G28" s="199">
        <v>361</v>
      </c>
      <c r="H28" s="199">
        <v>0</v>
      </c>
      <c r="I28" s="199">
        <v>257</v>
      </c>
      <c r="J28" s="199">
        <v>22</v>
      </c>
      <c r="K28" s="199">
        <v>279</v>
      </c>
      <c r="L28" s="199">
        <v>2</v>
      </c>
      <c r="M28" s="200">
        <v>1.29</v>
      </c>
      <c r="N28" s="219">
        <v>0</v>
      </c>
    </row>
    <row r="29" spans="2:15" ht="7.5" customHeight="1" x14ac:dyDescent="0.15">
      <c r="B29" s="170"/>
      <c r="C29" s="206"/>
      <c r="D29" s="206"/>
      <c r="E29" s="198"/>
      <c r="F29" s="208"/>
      <c r="G29" s="208"/>
      <c r="H29" s="208"/>
      <c r="I29" s="209"/>
      <c r="J29" s="260"/>
      <c r="K29" s="231"/>
      <c r="L29" s="210"/>
      <c r="M29" s="211"/>
      <c r="N29" s="234"/>
    </row>
    <row r="30" spans="2:15" ht="7.5" customHeight="1" x14ac:dyDescent="0.15">
      <c r="B30" s="158"/>
      <c r="E30" s="173"/>
      <c r="F30" s="192"/>
      <c r="G30" s="192"/>
      <c r="H30" s="192"/>
      <c r="I30" s="199"/>
      <c r="J30" s="259"/>
      <c r="K30" s="167"/>
      <c r="L30" s="166"/>
      <c r="M30" s="213"/>
      <c r="N30" s="225"/>
    </row>
    <row r="31" spans="2:15" s="202" customFormat="1" ht="14.25" customHeight="1" x14ac:dyDescent="0.15">
      <c r="B31" s="179"/>
      <c r="C31" s="480" t="s">
        <v>64</v>
      </c>
      <c r="D31" s="481"/>
      <c r="E31" s="181">
        <v>4262</v>
      </c>
      <c r="F31" s="182">
        <v>5010</v>
      </c>
      <c r="G31" s="182">
        <v>4989</v>
      </c>
      <c r="H31" s="182">
        <v>21</v>
      </c>
      <c r="I31" s="257" t="s">
        <v>46</v>
      </c>
      <c r="J31" s="257" t="s">
        <v>46</v>
      </c>
      <c r="K31" s="182">
        <v>4125</v>
      </c>
      <c r="L31" s="258">
        <v>28</v>
      </c>
      <c r="M31" s="204">
        <v>1.21</v>
      </c>
      <c r="N31" s="246">
        <v>137</v>
      </c>
      <c r="O31" s="153"/>
    </row>
    <row r="32" spans="2:15" ht="7.5" customHeight="1" x14ac:dyDescent="0.15">
      <c r="B32" s="160"/>
      <c r="C32" s="161"/>
      <c r="D32" s="161"/>
      <c r="E32" s="188"/>
      <c r="F32" s="189"/>
      <c r="G32" s="189"/>
      <c r="H32" s="189"/>
      <c r="I32" s="261"/>
      <c r="J32" s="262"/>
      <c r="K32" s="190"/>
      <c r="L32" s="189"/>
      <c r="M32" s="189"/>
      <c r="N32" s="191"/>
    </row>
    <row r="33" spans="2:14" ht="13.5" customHeight="1" x14ac:dyDescent="0.15">
      <c r="B33" s="409"/>
    </row>
    <row r="34" spans="2:14" ht="13.5" customHeight="1" x14ac:dyDescent="0.15">
      <c r="C34" s="263"/>
      <c r="D34" s="263"/>
      <c r="E34" s="263"/>
      <c r="F34" s="263"/>
      <c r="G34" s="263"/>
      <c r="H34" s="263"/>
      <c r="I34" s="263"/>
      <c r="J34" s="263"/>
      <c r="K34" s="263"/>
      <c r="L34" s="263"/>
      <c r="M34" s="263"/>
      <c r="N34" s="263"/>
    </row>
    <row r="35" spans="2:14" ht="14.25" customHeight="1" x14ac:dyDescent="0.15">
      <c r="B35" s="153" t="s">
        <v>319</v>
      </c>
      <c r="E35" s="192"/>
      <c r="F35" s="192"/>
      <c r="G35" s="192"/>
      <c r="H35" s="192"/>
      <c r="L35" s="192"/>
      <c r="M35" s="192"/>
      <c r="N35" s="193"/>
    </row>
    <row r="36" spans="2:14" ht="7.5" customHeight="1" x14ac:dyDescent="0.15">
      <c r="B36" s="154"/>
      <c r="C36" s="155"/>
      <c r="D36" s="155"/>
      <c r="E36" s="251"/>
      <c r="F36" s="251"/>
      <c r="G36" s="155"/>
      <c r="H36" s="155"/>
      <c r="I36" s="223"/>
      <c r="J36" s="223"/>
      <c r="K36" s="223"/>
      <c r="L36" s="155"/>
      <c r="M36" s="155"/>
      <c r="N36" s="252"/>
    </row>
    <row r="37" spans="2:14" ht="15.75" customHeight="1" x14ac:dyDescent="0.15">
      <c r="B37" s="158"/>
      <c r="E37" s="14"/>
      <c r="F37" s="15"/>
      <c r="G37" s="16" t="s">
        <v>204</v>
      </c>
      <c r="H37" s="16"/>
      <c r="I37" s="17"/>
      <c r="J37" s="18"/>
      <c r="K37" s="19"/>
      <c r="L37" s="20" t="s">
        <v>134</v>
      </c>
      <c r="M37" s="21"/>
      <c r="N37" s="22"/>
    </row>
    <row r="38" spans="2:14" ht="14.25" customHeight="1" x14ac:dyDescent="0.15">
      <c r="B38" s="158"/>
      <c r="C38" s="153" t="s">
        <v>59</v>
      </c>
      <c r="D38" s="153" t="s">
        <v>279</v>
      </c>
      <c r="E38" s="23" t="s">
        <v>58</v>
      </c>
      <c r="F38" s="23" t="s">
        <v>88</v>
      </c>
      <c r="G38" s="447" t="s">
        <v>457</v>
      </c>
      <c r="H38" s="24" t="s">
        <v>367</v>
      </c>
      <c r="I38" s="25" t="s">
        <v>132</v>
      </c>
      <c r="J38" s="26"/>
      <c r="K38" s="26"/>
      <c r="L38" s="27" t="s">
        <v>135</v>
      </c>
      <c r="M38" s="24" t="s">
        <v>45</v>
      </c>
      <c r="N38" s="28" t="s">
        <v>136</v>
      </c>
    </row>
    <row r="39" spans="2:14" ht="14.25" customHeight="1" x14ac:dyDescent="0.15">
      <c r="B39" s="158"/>
      <c r="C39" s="449"/>
      <c r="D39" s="264"/>
      <c r="E39" s="29"/>
      <c r="F39" s="29" t="s">
        <v>366</v>
      </c>
      <c r="G39" s="30" t="s">
        <v>0</v>
      </c>
      <c r="H39" s="30" t="s">
        <v>205</v>
      </c>
      <c r="I39" s="25" t="s">
        <v>370</v>
      </c>
      <c r="J39" s="31"/>
      <c r="K39" s="32"/>
      <c r="L39" s="24" t="s">
        <v>369</v>
      </c>
      <c r="M39" s="33" t="s">
        <v>368</v>
      </c>
      <c r="N39" s="28"/>
    </row>
    <row r="40" spans="2:14" ht="7.5" customHeight="1" x14ac:dyDescent="0.15">
      <c r="B40" s="158"/>
      <c r="C40" s="195"/>
      <c r="D40" s="196"/>
      <c r="E40" s="37"/>
      <c r="F40" s="37"/>
      <c r="G40" s="38"/>
      <c r="H40" s="39"/>
      <c r="I40" s="40"/>
      <c r="J40" s="36"/>
      <c r="K40" s="41"/>
      <c r="L40" s="40"/>
      <c r="M40" s="39"/>
      <c r="N40" s="42"/>
    </row>
    <row r="41" spans="2:14" ht="7.5" customHeight="1" x14ac:dyDescent="0.15">
      <c r="B41" s="154"/>
      <c r="C41" s="449"/>
      <c r="D41" s="449"/>
      <c r="E41" s="254"/>
      <c r="F41" s="255"/>
      <c r="I41" s="449"/>
      <c r="J41" s="449"/>
      <c r="K41" s="449"/>
      <c r="N41" s="256"/>
    </row>
    <row r="42" spans="2:14" ht="14.25" customHeight="1" x14ac:dyDescent="0.15">
      <c r="B42" s="158"/>
      <c r="C42" s="153" t="s">
        <v>138</v>
      </c>
      <c r="D42" s="429" t="s">
        <v>326</v>
      </c>
      <c r="E42" s="198">
        <v>39</v>
      </c>
      <c r="F42" s="192">
        <v>44</v>
      </c>
      <c r="G42" s="199">
        <v>44</v>
      </c>
      <c r="H42" s="199">
        <v>0</v>
      </c>
      <c r="I42" s="199"/>
      <c r="J42" s="199"/>
      <c r="K42" s="199">
        <v>39</v>
      </c>
      <c r="L42" s="199">
        <v>0</v>
      </c>
      <c r="M42" s="200">
        <v>1.1299999999999999</v>
      </c>
      <c r="N42" s="219">
        <v>0</v>
      </c>
    </row>
    <row r="43" spans="2:14" ht="7.5" customHeight="1" x14ac:dyDescent="0.15">
      <c r="B43" s="160"/>
      <c r="C43" s="161"/>
      <c r="D43" s="161"/>
      <c r="E43" s="188"/>
      <c r="F43" s="189"/>
      <c r="G43" s="189"/>
      <c r="H43" s="189"/>
      <c r="I43" s="261"/>
      <c r="J43" s="262"/>
      <c r="K43" s="190"/>
      <c r="L43" s="189"/>
      <c r="M43" s="189"/>
      <c r="N43" s="191"/>
    </row>
    <row r="44" spans="2:14" x14ac:dyDescent="0.15">
      <c r="B44" s="409"/>
      <c r="D44" s="263"/>
      <c r="E44" s="263"/>
      <c r="F44" s="263"/>
      <c r="G44" s="263"/>
      <c r="H44" s="263"/>
      <c r="I44" s="263"/>
      <c r="J44" s="263"/>
      <c r="K44" s="263"/>
      <c r="L44" s="263"/>
      <c r="M44" s="263"/>
      <c r="N44" s="263"/>
    </row>
    <row r="45" spans="2:14" x14ac:dyDescent="0.15">
      <c r="C45" s="263"/>
      <c r="D45" s="263"/>
      <c r="E45" s="263"/>
      <c r="F45" s="263"/>
      <c r="G45" s="263"/>
      <c r="H45" s="263"/>
      <c r="I45" s="263"/>
      <c r="J45" s="263"/>
      <c r="K45" s="263"/>
      <c r="L45" s="263"/>
      <c r="M45" s="263"/>
      <c r="N45" s="263"/>
    </row>
    <row r="46" spans="2:14" x14ac:dyDescent="0.15">
      <c r="B46" s="153" t="s">
        <v>172</v>
      </c>
      <c r="E46" s="192"/>
      <c r="F46" s="192"/>
      <c r="G46" s="192"/>
      <c r="H46" s="192"/>
      <c r="L46" s="192"/>
      <c r="M46" s="192"/>
      <c r="N46" s="193"/>
    </row>
    <row r="47" spans="2:14" ht="7.5" customHeight="1" x14ac:dyDescent="0.15">
      <c r="B47" s="154"/>
      <c r="C47" s="155"/>
      <c r="D47" s="155"/>
      <c r="E47" s="251"/>
      <c r="F47" s="251"/>
      <c r="G47" s="155"/>
      <c r="H47" s="155"/>
      <c r="I47" s="223"/>
      <c r="J47" s="223"/>
      <c r="K47" s="223"/>
      <c r="L47" s="155"/>
      <c r="M47" s="155"/>
      <c r="N47" s="252"/>
    </row>
    <row r="48" spans="2:14" ht="15.75" customHeight="1" x14ac:dyDescent="0.15">
      <c r="B48" s="158"/>
      <c r="E48" s="14"/>
      <c r="F48" s="15"/>
      <c r="G48" s="16" t="s">
        <v>204</v>
      </c>
      <c r="H48" s="16"/>
      <c r="I48" s="253" t="s">
        <v>174</v>
      </c>
      <c r="J48" s="111"/>
      <c r="K48" s="111"/>
      <c r="L48" s="20" t="s">
        <v>134</v>
      </c>
      <c r="M48" s="21"/>
      <c r="N48" s="22"/>
    </row>
    <row r="49" spans="2:15" ht="14.25" customHeight="1" x14ac:dyDescent="0.15">
      <c r="B49" s="158"/>
      <c r="C49" s="153" t="s">
        <v>59</v>
      </c>
      <c r="D49" s="153" t="s">
        <v>61</v>
      </c>
      <c r="E49" s="23" t="s">
        <v>58</v>
      </c>
      <c r="F49" s="23" t="s">
        <v>88</v>
      </c>
      <c r="G49" s="447" t="s">
        <v>457</v>
      </c>
      <c r="H49" s="24" t="s">
        <v>367</v>
      </c>
      <c r="I49" s="112" t="s">
        <v>150</v>
      </c>
      <c r="J49" s="112" t="s">
        <v>150</v>
      </c>
      <c r="K49" s="113" t="s">
        <v>88</v>
      </c>
      <c r="L49" s="27" t="s">
        <v>135</v>
      </c>
      <c r="M49" s="24" t="s">
        <v>45</v>
      </c>
      <c r="N49" s="28" t="s">
        <v>136</v>
      </c>
    </row>
    <row r="50" spans="2:15" ht="14.25" customHeight="1" x14ac:dyDescent="0.15">
      <c r="B50" s="158"/>
      <c r="C50" s="449"/>
      <c r="D50" s="449"/>
      <c r="E50" s="29"/>
      <c r="F50" s="29" t="s">
        <v>366</v>
      </c>
      <c r="G50" s="30" t="s">
        <v>0</v>
      </c>
      <c r="H50" s="30" t="s">
        <v>205</v>
      </c>
      <c r="I50" s="114" t="s">
        <v>151</v>
      </c>
      <c r="J50" s="114" t="s">
        <v>152</v>
      </c>
      <c r="K50" s="27" t="s">
        <v>133</v>
      </c>
      <c r="L50" s="24" t="s">
        <v>369</v>
      </c>
      <c r="M50" s="33" t="s">
        <v>368</v>
      </c>
      <c r="N50" s="28"/>
    </row>
    <row r="51" spans="2:15" ht="7.5" customHeight="1" x14ac:dyDescent="0.15">
      <c r="B51" s="160"/>
      <c r="C51" s="195"/>
      <c r="D51" s="195"/>
      <c r="E51" s="37"/>
      <c r="F51" s="37"/>
      <c r="G51" s="38"/>
      <c r="H51" s="39"/>
      <c r="I51" s="116"/>
      <c r="J51" s="116"/>
      <c r="K51" s="116"/>
      <c r="L51" s="40"/>
      <c r="M51" s="39"/>
      <c r="N51" s="42"/>
    </row>
    <row r="52" spans="2:15" ht="7.5" customHeight="1" x14ac:dyDescent="0.15">
      <c r="B52" s="154"/>
      <c r="C52" s="449"/>
      <c r="D52" s="449"/>
      <c r="E52" s="254"/>
      <c r="F52" s="255"/>
      <c r="I52" s="449"/>
      <c r="J52" s="449"/>
      <c r="K52" s="449"/>
      <c r="N52" s="256"/>
    </row>
    <row r="53" spans="2:15" ht="15" customHeight="1" x14ac:dyDescent="0.15">
      <c r="B53" s="158"/>
      <c r="C53" s="153" t="s">
        <v>139</v>
      </c>
      <c r="D53" s="153" t="s">
        <v>140</v>
      </c>
      <c r="E53" s="198">
        <v>219</v>
      </c>
      <c r="F53" s="192">
        <v>263</v>
      </c>
      <c r="G53" s="199">
        <v>262</v>
      </c>
      <c r="H53" s="199">
        <v>1</v>
      </c>
      <c r="I53" s="257" t="s">
        <v>1</v>
      </c>
      <c r="J53" s="257" t="s">
        <v>1</v>
      </c>
      <c r="K53" s="199">
        <v>219</v>
      </c>
      <c r="L53" s="199">
        <v>1</v>
      </c>
      <c r="M53" s="200">
        <v>1.2</v>
      </c>
      <c r="N53" s="219">
        <v>0</v>
      </c>
    </row>
    <row r="54" spans="2:15" ht="14.25" customHeight="1" x14ac:dyDescent="0.15">
      <c r="B54" s="158"/>
      <c r="C54" s="153" t="s">
        <v>141</v>
      </c>
      <c r="D54" s="153" t="s">
        <v>140</v>
      </c>
      <c r="E54" s="198">
        <v>279</v>
      </c>
      <c r="F54" s="192">
        <v>353</v>
      </c>
      <c r="G54" s="199">
        <v>353</v>
      </c>
      <c r="H54" s="199">
        <v>0</v>
      </c>
      <c r="I54" s="257" t="s">
        <v>1</v>
      </c>
      <c r="J54" s="257" t="s">
        <v>1</v>
      </c>
      <c r="K54" s="199">
        <v>279</v>
      </c>
      <c r="L54" s="199">
        <v>0</v>
      </c>
      <c r="M54" s="200">
        <v>1.27</v>
      </c>
      <c r="N54" s="219">
        <v>0</v>
      </c>
    </row>
    <row r="55" spans="2:15" ht="14.25" customHeight="1" x14ac:dyDescent="0.15">
      <c r="B55" s="158"/>
      <c r="C55" s="153" t="s">
        <v>143</v>
      </c>
      <c r="D55" s="153" t="s">
        <v>140</v>
      </c>
      <c r="E55" s="198">
        <v>190</v>
      </c>
      <c r="F55" s="192">
        <v>86</v>
      </c>
      <c r="G55" s="199">
        <v>84</v>
      </c>
      <c r="H55" s="199">
        <v>2</v>
      </c>
      <c r="I55" s="257" t="s">
        <v>1</v>
      </c>
      <c r="J55" s="257" t="s">
        <v>1</v>
      </c>
      <c r="K55" s="199">
        <v>85</v>
      </c>
      <c r="L55" s="199">
        <v>1</v>
      </c>
      <c r="M55" s="200">
        <v>1</v>
      </c>
      <c r="N55" s="219">
        <v>105</v>
      </c>
    </row>
    <row r="56" spans="2:15" ht="14.25" customHeight="1" x14ac:dyDescent="0.15">
      <c r="B56" s="158"/>
      <c r="C56" s="153" t="s">
        <v>144</v>
      </c>
      <c r="D56" s="153" t="s">
        <v>140</v>
      </c>
      <c r="E56" s="198">
        <v>272</v>
      </c>
      <c r="F56" s="192">
        <v>317</v>
      </c>
      <c r="G56" s="199">
        <v>313</v>
      </c>
      <c r="H56" s="199">
        <v>4</v>
      </c>
      <c r="I56" s="257" t="s">
        <v>1</v>
      </c>
      <c r="J56" s="257" t="s">
        <v>1</v>
      </c>
      <c r="K56" s="199">
        <v>272</v>
      </c>
      <c r="L56" s="199">
        <v>0</v>
      </c>
      <c r="M56" s="200">
        <v>1.17</v>
      </c>
      <c r="N56" s="219">
        <v>0</v>
      </c>
    </row>
    <row r="57" spans="2:15" ht="14.25" customHeight="1" x14ac:dyDescent="0.15">
      <c r="B57" s="158"/>
      <c r="C57" s="153" t="s">
        <v>273</v>
      </c>
      <c r="D57" s="153" t="s">
        <v>140</v>
      </c>
      <c r="E57" s="198">
        <v>239</v>
      </c>
      <c r="F57" s="192">
        <v>239</v>
      </c>
      <c r="G57" s="199">
        <v>236</v>
      </c>
      <c r="H57" s="199">
        <v>3</v>
      </c>
      <c r="I57" s="257" t="s">
        <v>1</v>
      </c>
      <c r="J57" s="257" t="s">
        <v>1</v>
      </c>
      <c r="K57" s="199">
        <v>239</v>
      </c>
      <c r="L57" s="199">
        <v>0</v>
      </c>
      <c r="M57" s="200">
        <v>1</v>
      </c>
      <c r="N57" s="219">
        <v>0</v>
      </c>
    </row>
    <row r="58" spans="2:15" ht="14.25" customHeight="1" x14ac:dyDescent="0.15">
      <c r="B58" s="158"/>
      <c r="C58" s="153" t="s">
        <v>248</v>
      </c>
      <c r="D58" s="153" t="s">
        <v>249</v>
      </c>
      <c r="E58" s="198">
        <v>229</v>
      </c>
      <c r="F58" s="192">
        <v>255</v>
      </c>
      <c r="G58" s="199">
        <v>251</v>
      </c>
      <c r="H58" s="199">
        <v>4</v>
      </c>
      <c r="I58" s="257" t="s">
        <v>1</v>
      </c>
      <c r="J58" s="257" t="s">
        <v>1</v>
      </c>
      <c r="K58" s="199">
        <v>229</v>
      </c>
      <c r="L58" s="199">
        <v>1</v>
      </c>
      <c r="M58" s="200">
        <v>1.1100000000000001</v>
      </c>
      <c r="N58" s="219">
        <v>0</v>
      </c>
    </row>
    <row r="59" spans="2:15" ht="21.75" customHeight="1" x14ac:dyDescent="0.15">
      <c r="B59" s="158"/>
      <c r="C59" s="153" t="s">
        <v>145</v>
      </c>
      <c r="D59" s="153" t="s">
        <v>206</v>
      </c>
      <c r="E59" s="198">
        <v>232</v>
      </c>
      <c r="F59" s="192">
        <v>343</v>
      </c>
      <c r="G59" s="199">
        <v>343</v>
      </c>
      <c r="H59" s="199">
        <v>0</v>
      </c>
      <c r="I59" s="199">
        <v>216</v>
      </c>
      <c r="J59" s="199">
        <v>16</v>
      </c>
      <c r="K59" s="199">
        <v>232</v>
      </c>
      <c r="L59" s="199">
        <v>1</v>
      </c>
      <c r="M59" s="200">
        <v>1.47</v>
      </c>
      <c r="N59" s="219">
        <v>0</v>
      </c>
    </row>
    <row r="60" spans="2:15" ht="14.25" customHeight="1" x14ac:dyDescent="0.15">
      <c r="B60" s="158"/>
      <c r="C60" s="153" t="s">
        <v>146</v>
      </c>
      <c r="D60" s="153" t="s">
        <v>206</v>
      </c>
      <c r="E60" s="198">
        <v>320</v>
      </c>
      <c r="F60" s="192">
        <v>421</v>
      </c>
      <c r="G60" s="199">
        <v>420</v>
      </c>
      <c r="H60" s="199">
        <v>1</v>
      </c>
      <c r="I60" s="257" t="s">
        <v>1</v>
      </c>
      <c r="J60" s="257" t="s">
        <v>1</v>
      </c>
      <c r="K60" s="199">
        <v>321</v>
      </c>
      <c r="L60" s="199">
        <v>3</v>
      </c>
      <c r="M60" s="200">
        <v>1.3</v>
      </c>
      <c r="N60" s="219">
        <v>0</v>
      </c>
    </row>
    <row r="61" spans="2:15" ht="7.5" customHeight="1" x14ac:dyDescent="0.15">
      <c r="B61" s="170"/>
      <c r="C61" s="206"/>
      <c r="D61" s="206"/>
      <c r="E61" s="198"/>
      <c r="F61" s="208"/>
      <c r="G61" s="208"/>
      <c r="H61" s="208"/>
      <c r="I61" s="209"/>
      <c r="J61" s="260"/>
      <c r="K61" s="231"/>
      <c r="L61" s="208"/>
      <c r="M61" s="233"/>
      <c r="N61" s="234"/>
    </row>
    <row r="62" spans="2:15" ht="7.5" customHeight="1" x14ac:dyDescent="0.15">
      <c r="B62" s="158"/>
      <c r="E62" s="173"/>
      <c r="F62" s="192"/>
      <c r="G62" s="192"/>
      <c r="H62" s="192"/>
      <c r="I62" s="199"/>
      <c r="J62" s="259"/>
      <c r="K62" s="167"/>
      <c r="L62" s="192"/>
      <c r="M62" s="193"/>
      <c r="N62" s="225"/>
    </row>
    <row r="63" spans="2:15" s="202" customFormat="1" ht="14.25" customHeight="1" x14ac:dyDescent="0.15">
      <c r="B63" s="179"/>
      <c r="C63" s="480" t="s">
        <v>64</v>
      </c>
      <c r="D63" s="481"/>
      <c r="E63" s="181">
        <v>1980</v>
      </c>
      <c r="F63" s="182">
        <v>2277</v>
      </c>
      <c r="G63" s="182">
        <v>2262</v>
      </c>
      <c r="H63" s="182">
        <v>15</v>
      </c>
      <c r="I63" s="257" t="s">
        <v>252</v>
      </c>
      <c r="J63" s="257" t="s">
        <v>252</v>
      </c>
      <c r="K63" s="182">
        <v>1876</v>
      </c>
      <c r="L63" s="203">
        <v>7</v>
      </c>
      <c r="M63" s="220">
        <v>1.21</v>
      </c>
      <c r="N63" s="246">
        <v>105</v>
      </c>
      <c r="O63" s="153"/>
    </row>
    <row r="64" spans="2:15" ht="7.5" customHeight="1" x14ac:dyDescent="0.15">
      <c r="B64" s="160"/>
      <c r="C64" s="161"/>
      <c r="D64" s="161"/>
      <c r="E64" s="188"/>
      <c r="F64" s="189"/>
      <c r="G64" s="189"/>
      <c r="H64" s="189"/>
      <c r="I64" s="261"/>
      <c r="J64" s="262"/>
      <c r="K64" s="190"/>
      <c r="L64" s="189"/>
      <c r="M64" s="189"/>
      <c r="N64" s="191"/>
    </row>
    <row r="65" spans="2:15" ht="14.25" customHeight="1" x14ac:dyDescent="0.15">
      <c r="B65" s="485"/>
      <c r="C65" s="485"/>
      <c r="D65" s="485"/>
      <c r="E65" s="485"/>
      <c r="F65" s="485"/>
      <c r="G65" s="485"/>
      <c r="H65" s="485"/>
      <c r="I65" s="485"/>
      <c r="J65" s="485"/>
      <c r="K65" s="485"/>
      <c r="L65" s="485"/>
      <c r="M65" s="485"/>
      <c r="N65" s="485"/>
    </row>
    <row r="66" spans="2:15" ht="8.25" customHeight="1" x14ac:dyDescent="0.15">
      <c r="C66" s="450"/>
      <c r="D66" s="265"/>
      <c r="E66" s="192"/>
      <c r="F66" s="192"/>
      <c r="G66" s="192"/>
      <c r="H66" s="192"/>
      <c r="I66" s="199"/>
      <c r="J66" s="259"/>
      <c r="K66" s="167"/>
      <c r="L66" s="192"/>
      <c r="M66" s="192"/>
      <c r="N66" s="193"/>
    </row>
    <row r="67" spans="2:15" ht="14.25" customHeight="1" x14ac:dyDescent="0.15">
      <c r="C67" s="263"/>
      <c r="D67" s="263"/>
      <c r="E67" s="263"/>
      <c r="F67" s="263"/>
      <c r="G67" s="263"/>
      <c r="H67" s="263"/>
      <c r="I67" s="263"/>
      <c r="J67" s="263"/>
      <c r="K67" s="263"/>
      <c r="L67" s="263"/>
      <c r="M67" s="263"/>
      <c r="N67" s="263"/>
    </row>
    <row r="68" spans="2:15" ht="14.25" customHeight="1" x14ac:dyDescent="0.15">
      <c r="B68" s="153" t="s">
        <v>349</v>
      </c>
      <c r="E68" s="192"/>
      <c r="F68" s="192"/>
      <c r="G68" s="192"/>
      <c r="H68" s="192"/>
      <c r="L68" s="192"/>
      <c r="M68" s="192"/>
      <c r="N68" s="193"/>
    </row>
    <row r="69" spans="2:15" ht="7.5" customHeight="1" x14ac:dyDescent="0.15">
      <c r="B69" s="154"/>
      <c r="C69" s="155"/>
      <c r="D69" s="155"/>
      <c r="E69" s="251"/>
      <c r="F69" s="251"/>
      <c r="G69" s="155"/>
      <c r="H69" s="155"/>
      <c r="I69" s="223"/>
      <c r="J69" s="223"/>
      <c r="K69" s="223"/>
      <c r="L69" s="155"/>
      <c r="M69" s="155"/>
      <c r="N69" s="252"/>
    </row>
    <row r="70" spans="2:15" ht="15.75" customHeight="1" x14ac:dyDescent="0.15">
      <c r="B70" s="158"/>
      <c r="E70" s="14"/>
      <c r="F70" s="15"/>
      <c r="G70" s="16" t="s">
        <v>204</v>
      </c>
      <c r="H70" s="16"/>
      <c r="I70" s="17"/>
      <c r="J70" s="18"/>
      <c r="K70" s="19"/>
      <c r="L70" s="20" t="s">
        <v>134</v>
      </c>
      <c r="M70" s="21"/>
      <c r="N70" s="22"/>
    </row>
    <row r="71" spans="2:15" ht="14.25" customHeight="1" x14ac:dyDescent="0.15">
      <c r="B71" s="158"/>
      <c r="C71" s="153" t="s">
        <v>59</v>
      </c>
      <c r="D71" s="153" t="s">
        <v>361</v>
      </c>
      <c r="E71" s="23" t="s">
        <v>58</v>
      </c>
      <c r="F71" s="23" t="s">
        <v>88</v>
      </c>
      <c r="G71" s="447" t="s">
        <v>457</v>
      </c>
      <c r="H71" s="24" t="s">
        <v>367</v>
      </c>
      <c r="I71" s="25" t="s">
        <v>132</v>
      </c>
      <c r="J71" s="26"/>
      <c r="K71" s="26"/>
      <c r="L71" s="27" t="s">
        <v>135</v>
      </c>
      <c r="M71" s="24" t="s">
        <v>45</v>
      </c>
      <c r="N71" s="28" t="s">
        <v>136</v>
      </c>
    </row>
    <row r="72" spans="2:15" ht="14.25" customHeight="1" x14ac:dyDescent="0.15">
      <c r="B72" s="158"/>
      <c r="C72" s="449"/>
      <c r="D72" s="264"/>
      <c r="E72" s="29"/>
      <c r="F72" s="29" t="s">
        <v>366</v>
      </c>
      <c r="G72" s="30" t="s">
        <v>0</v>
      </c>
      <c r="H72" s="30" t="s">
        <v>205</v>
      </c>
      <c r="I72" s="25" t="s">
        <v>133</v>
      </c>
      <c r="J72" s="31"/>
      <c r="K72" s="32"/>
      <c r="L72" s="24" t="s">
        <v>369</v>
      </c>
      <c r="M72" s="33" t="s">
        <v>368</v>
      </c>
      <c r="N72" s="28"/>
    </row>
    <row r="73" spans="2:15" ht="7.5" customHeight="1" x14ac:dyDescent="0.15">
      <c r="B73" s="158"/>
      <c r="C73" s="195"/>
      <c r="D73" s="196"/>
      <c r="E73" s="37"/>
      <c r="F73" s="37"/>
      <c r="G73" s="38"/>
      <c r="H73" s="39"/>
      <c r="I73" s="40"/>
      <c r="J73" s="36"/>
      <c r="K73" s="41"/>
      <c r="L73" s="40"/>
      <c r="M73" s="39"/>
      <c r="N73" s="42"/>
    </row>
    <row r="74" spans="2:15" ht="7.5" customHeight="1" x14ac:dyDescent="0.15">
      <c r="B74" s="154"/>
      <c r="C74" s="449"/>
      <c r="D74" s="449"/>
      <c r="E74" s="254"/>
      <c r="F74" s="255"/>
      <c r="I74" s="449"/>
      <c r="J74" s="449"/>
      <c r="K74" s="449"/>
      <c r="N74" s="256"/>
    </row>
    <row r="75" spans="2:15" ht="14.25" customHeight="1" x14ac:dyDescent="0.15">
      <c r="B75" s="158"/>
      <c r="C75" s="153" t="s">
        <v>363</v>
      </c>
      <c r="D75" s="153" t="s">
        <v>333</v>
      </c>
      <c r="E75" s="266">
        <v>39</v>
      </c>
      <c r="F75" s="199">
        <v>21</v>
      </c>
      <c r="G75" s="199">
        <v>21</v>
      </c>
      <c r="H75" s="199">
        <v>0</v>
      </c>
      <c r="I75" s="199"/>
      <c r="J75" s="199"/>
      <c r="K75" s="199">
        <v>21</v>
      </c>
      <c r="L75" s="199">
        <v>0</v>
      </c>
      <c r="M75" s="200">
        <v>1</v>
      </c>
      <c r="N75" s="219">
        <v>18</v>
      </c>
    </row>
    <row r="76" spans="2:15" s="2" customFormat="1" ht="21.75" customHeight="1" x14ac:dyDescent="0.15">
      <c r="B76" s="72"/>
      <c r="C76" s="153" t="s">
        <v>350</v>
      </c>
      <c r="D76" s="153" t="s">
        <v>333</v>
      </c>
      <c r="E76" s="267">
        <v>39</v>
      </c>
      <c r="F76" s="194">
        <v>29</v>
      </c>
      <c r="G76" s="199">
        <v>29</v>
      </c>
      <c r="H76" s="199">
        <v>0</v>
      </c>
      <c r="I76" s="199"/>
      <c r="J76" s="199"/>
      <c r="K76" s="199">
        <v>29</v>
      </c>
      <c r="L76" s="199">
        <v>0</v>
      </c>
      <c r="M76" s="200">
        <v>1</v>
      </c>
      <c r="N76" s="219">
        <v>10</v>
      </c>
      <c r="O76" s="153"/>
    </row>
    <row r="77" spans="2:15" s="2" customFormat="1" ht="14.25" customHeight="1" x14ac:dyDescent="0.15">
      <c r="B77" s="72"/>
      <c r="C77" s="153" t="s">
        <v>3</v>
      </c>
      <c r="D77" s="153" t="s">
        <v>334</v>
      </c>
      <c r="E77" s="127">
        <v>39</v>
      </c>
      <c r="F77" s="194">
        <v>31</v>
      </c>
      <c r="G77" s="199">
        <v>31</v>
      </c>
      <c r="H77" s="199">
        <v>0</v>
      </c>
      <c r="I77" s="199"/>
      <c r="J77" s="199"/>
      <c r="K77" s="199">
        <v>31</v>
      </c>
      <c r="L77" s="199">
        <v>0</v>
      </c>
      <c r="M77" s="200">
        <v>1</v>
      </c>
      <c r="N77" s="219">
        <v>8</v>
      </c>
      <c r="O77" s="153"/>
    </row>
    <row r="78" spans="2:15" s="2" customFormat="1" ht="14.25" customHeight="1" x14ac:dyDescent="0.15">
      <c r="B78" s="72"/>
      <c r="C78" s="153" t="s">
        <v>3</v>
      </c>
      <c r="D78" s="153" t="s">
        <v>257</v>
      </c>
      <c r="E78" s="127">
        <v>39</v>
      </c>
      <c r="F78" s="194">
        <v>27</v>
      </c>
      <c r="G78" s="199">
        <v>27</v>
      </c>
      <c r="H78" s="199">
        <v>0</v>
      </c>
      <c r="I78" s="199"/>
      <c r="J78" s="199"/>
      <c r="K78" s="199">
        <v>27</v>
      </c>
      <c r="L78" s="199">
        <v>0</v>
      </c>
      <c r="M78" s="200">
        <v>1</v>
      </c>
      <c r="N78" s="219">
        <v>12</v>
      </c>
      <c r="O78" s="153"/>
    </row>
    <row r="79" spans="2:15" x14ac:dyDescent="0.15">
      <c r="B79" s="158"/>
      <c r="D79" s="450" t="s">
        <v>276</v>
      </c>
      <c r="E79" s="268">
        <v>117</v>
      </c>
      <c r="F79" s="269">
        <v>87</v>
      </c>
      <c r="G79" s="269">
        <v>87</v>
      </c>
      <c r="H79" s="269">
        <v>0</v>
      </c>
      <c r="I79" s="270"/>
      <c r="J79" s="271"/>
      <c r="K79" s="184">
        <v>87</v>
      </c>
      <c r="L79" s="184">
        <v>0</v>
      </c>
      <c r="M79" s="220">
        <v>1</v>
      </c>
      <c r="N79" s="186">
        <v>30</v>
      </c>
    </row>
    <row r="80" spans="2:15" ht="7.5" customHeight="1" x14ac:dyDescent="0.15">
      <c r="B80" s="158"/>
      <c r="E80" s="198"/>
      <c r="F80" s="192"/>
      <c r="G80" s="192"/>
      <c r="H80" s="192"/>
      <c r="I80" s="199"/>
      <c r="J80" s="259"/>
      <c r="K80" s="167"/>
      <c r="L80" s="192"/>
      <c r="M80" s="192"/>
      <c r="N80" s="272"/>
    </row>
    <row r="81" spans="2:15" s="2" customFormat="1" ht="7.5" customHeight="1" x14ac:dyDescent="0.15">
      <c r="B81" s="87"/>
      <c r="C81" s="88"/>
      <c r="D81" s="92"/>
      <c r="E81" s="273"/>
      <c r="F81" s="274"/>
      <c r="G81" s="275"/>
      <c r="H81" s="275"/>
      <c r="I81" s="276"/>
      <c r="J81" s="276"/>
      <c r="K81" s="276"/>
      <c r="L81" s="275"/>
      <c r="M81" s="276"/>
      <c r="N81" s="277"/>
      <c r="O81" s="153"/>
    </row>
    <row r="82" spans="2:15" s="2" customFormat="1" x14ac:dyDescent="0.15">
      <c r="B82" s="96"/>
      <c r="C82" s="483" t="s">
        <v>33</v>
      </c>
      <c r="D82" s="484"/>
      <c r="E82" s="278">
        <v>156</v>
      </c>
      <c r="F82" s="279">
        <v>108</v>
      </c>
      <c r="G82" s="279">
        <v>108</v>
      </c>
      <c r="H82" s="279">
        <v>0</v>
      </c>
      <c r="I82" s="279"/>
      <c r="J82" s="280"/>
      <c r="K82" s="279">
        <v>108</v>
      </c>
      <c r="L82" s="279">
        <v>0</v>
      </c>
      <c r="M82" s="103">
        <v>1</v>
      </c>
      <c r="N82" s="281">
        <v>48</v>
      </c>
      <c r="O82" s="153"/>
    </row>
    <row r="83" spans="2:15" s="2" customFormat="1" ht="7.5" customHeight="1" x14ac:dyDescent="0.15">
      <c r="B83" s="282"/>
      <c r="C83" s="283"/>
      <c r="D83" s="284"/>
      <c r="E83" s="285"/>
      <c r="F83" s="286"/>
      <c r="G83" s="162"/>
      <c r="H83" s="162"/>
      <c r="I83" s="287"/>
      <c r="J83" s="284"/>
      <c r="K83" s="287"/>
      <c r="L83" s="162"/>
      <c r="M83" s="288"/>
      <c r="N83" s="289"/>
      <c r="O83" s="153"/>
    </row>
    <row r="84" spans="2:15" x14ac:dyDescent="0.15">
      <c r="E84" s="192"/>
      <c r="F84" s="192"/>
      <c r="G84" s="192"/>
      <c r="H84" s="192"/>
      <c r="L84" s="192"/>
      <c r="M84" s="192"/>
      <c r="N84" s="193"/>
    </row>
    <row r="85" spans="2:15" x14ac:dyDescent="0.15">
      <c r="C85" s="263"/>
      <c r="D85" s="263"/>
      <c r="E85" s="263"/>
      <c r="F85" s="263"/>
      <c r="G85" s="263"/>
      <c r="H85" s="263"/>
      <c r="I85" s="263"/>
      <c r="J85" s="263"/>
      <c r="K85" s="263"/>
      <c r="L85" s="263"/>
      <c r="M85" s="263"/>
      <c r="N85" s="263"/>
    </row>
    <row r="86" spans="2:15" ht="14.25" customHeight="1" x14ac:dyDescent="0.15">
      <c r="B86" s="153" t="s">
        <v>374</v>
      </c>
      <c r="E86" s="192"/>
      <c r="F86" s="192"/>
      <c r="G86" s="192"/>
      <c r="H86" s="192"/>
      <c r="L86" s="192"/>
      <c r="M86" s="192"/>
      <c r="N86" s="193"/>
    </row>
    <row r="87" spans="2:15" ht="7.5" customHeight="1" x14ac:dyDescent="0.15">
      <c r="B87" s="154"/>
      <c r="C87" s="155"/>
      <c r="D87" s="155"/>
      <c r="E87" s="251"/>
      <c r="F87" s="251"/>
      <c r="G87" s="155"/>
      <c r="H87" s="155"/>
      <c r="I87" s="223"/>
      <c r="J87" s="223"/>
      <c r="K87" s="223"/>
      <c r="L87" s="155"/>
      <c r="M87" s="155"/>
      <c r="N87" s="252"/>
    </row>
    <row r="88" spans="2:15" ht="15.75" customHeight="1" x14ac:dyDescent="0.15">
      <c r="B88" s="158"/>
      <c r="E88" s="14"/>
      <c r="F88" s="15"/>
      <c r="G88" s="16" t="s">
        <v>204</v>
      </c>
      <c r="H88" s="16"/>
      <c r="I88" s="17"/>
      <c r="J88" s="18"/>
      <c r="K88" s="19"/>
      <c r="L88" s="20" t="s">
        <v>134</v>
      </c>
      <c r="M88" s="21"/>
      <c r="N88" s="22"/>
    </row>
    <row r="89" spans="2:15" ht="14.25" customHeight="1" x14ac:dyDescent="0.15">
      <c r="B89" s="158"/>
      <c r="C89" s="153" t="s">
        <v>59</v>
      </c>
      <c r="D89" s="153" t="s">
        <v>61</v>
      </c>
      <c r="E89" s="23" t="s">
        <v>58</v>
      </c>
      <c r="F89" s="23" t="s">
        <v>88</v>
      </c>
      <c r="G89" s="447" t="s">
        <v>457</v>
      </c>
      <c r="H89" s="24" t="s">
        <v>367</v>
      </c>
      <c r="I89" s="25" t="s">
        <v>132</v>
      </c>
      <c r="J89" s="26"/>
      <c r="K89" s="26"/>
      <c r="L89" s="27" t="s">
        <v>135</v>
      </c>
      <c r="M89" s="24" t="s">
        <v>45</v>
      </c>
      <c r="N89" s="28" t="s">
        <v>136</v>
      </c>
    </row>
    <row r="90" spans="2:15" ht="14.25" customHeight="1" x14ac:dyDescent="0.15">
      <c r="B90" s="158"/>
      <c r="C90" s="449"/>
      <c r="D90" s="264"/>
      <c r="E90" s="29"/>
      <c r="F90" s="29" t="s">
        <v>366</v>
      </c>
      <c r="G90" s="30" t="s">
        <v>0</v>
      </c>
      <c r="H90" s="30" t="s">
        <v>205</v>
      </c>
      <c r="I90" s="25" t="s">
        <v>133</v>
      </c>
      <c r="J90" s="31"/>
      <c r="K90" s="32"/>
      <c r="L90" s="24" t="s">
        <v>369</v>
      </c>
      <c r="M90" s="33" t="s">
        <v>368</v>
      </c>
      <c r="N90" s="28"/>
    </row>
    <row r="91" spans="2:15" ht="7.5" customHeight="1" x14ac:dyDescent="0.15">
      <c r="B91" s="158"/>
      <c r="C91" s="195"/>
      <c r="D91" s="196"/>
      <c r="E91" s="37"/>
      <c r="F91" s="37"/>
      <c r="G91" s="38"/>
      <c r="H91" s="39"/>
      <c r="I91" s="40"/>
      <c r="J91" s="36"/>
      <c r="K91" s="41"/>
      <c r="L91" s="40"/>
      <c r="M91" s="39"/>
      <c r="N91" s="42"/>
    </row>
    <row r="92" spans="2:15" ht="7.5" customHeight="1" x14ac:dyDescent="0.15">
      <c r="B92" s="154"/>
      <c r="C92" s="449"/>
      <c r="D92" s="449"/>
      <c r="E92" s="254"/>
      <c r="F92" s="255"/>
      <c r="I92" s="449"/>
      <c r="J92" s="449"/>
      <c r="K92" s="449"/>
      <c r="N92" s="256"/>
    </row>
    <row r="93" spans="2:15" ht="14.25" customHeight="1" x14ac:dyDescent="0.15">
      <c r="B93" s="158"/>
      <c r="C93" s="153" t="s">
        <v>350</v>
      </c>
      <c r="D93" s="153" t="s">
        <v>375</v>
      </c>
      <c r="E93" s="198">
        <v>39</v>
      </c>
      <c r="F93" s="192">
        <v>37</v>
      </c>
      <c r="G93" s="199">
        <v>37</v>
      </c>
      <c r="H93" s="199">
        <v>0</v>
      </c>
      <c r="I93" s="199"/>
      <c r="J93" s="199"/>
      <c r="K93" s="199">
        <v>37</v>
      </c>
      <c r="L93" s="199">
        <v>0</v>
      </c>
      <c r="M93" s="200">
        <v>1</v>
      </c>
      <c r="N93" s="219">
        <v>2</v>
      </c>
    </row>
    <row r="94" spans="2:15" ht="7.5" customHeight="1" x14ac:dyDescent="0.15">
      <c r="B94" s="160"/>
      <c r="C94" s="161"/>
      <c r="D94" s="161"/>
      <c r="E94" s="188"/>
      <c r="F94" s="189"/>
      <c r="G94" s="189"/>
      <c r="H94" s="189"/>
      <c r="I94" s="261"/>
      <c r="J94" s="262"/>
      <c r="K94" s="190"/>
      <c r="L94" s="189"/>
      <c r="M94" s="189"/>
      <c r="N94" s="191"/>
    </row>
    <row r="95" spans="2:15" x14ac:dyDescent="0.15">
      <c r="E95" s="192"/>
      <c r="F95" s="192"/>
      <c r="G95" s="192"/>
      <c r="H95" s="192"/>
      <c r="L95" s="192"/>
      <c r="M95" s="192"/>
      <c r="N95" s="193"/>
    </row>
    <row r="96" spans="2:15" x14ac:dyDescent="0.15">
      <c r="C96" s="263"/>
      <c r="D96" s="263"/>
      <c r="E96" s="263"/>
      <c r="F96" s="263"/>
      <c r="G96" s="263"/>
      <c r="H96" s="263"/>
      <c r="I96" s="263"/>
      <c r="J96" s="263"/>
      <c r="K96" s="263"/>
      <c r="L96" s="263"/>
      <c r="M96" s="263"/>
      <c r="N96" s="263"/>
    </row>
    <row r="97" spans="2:14" ht="14.25" customHeight="1" x14ac:dyDescent="0.15">
      <c r="B97" s="153" t="s">
        <v>277</v>
      </c>
      <c r="E97" s="192"/>
      <c r="F97" s="192"/>
      <c r="G97" s="192"/>
      <c r="H97" s="192"/>
      <c r="L97" s="192"/>
      <c r="M97" s="192"/>
      <c r="N97" s="193"/>
    </row>
    <row r="98" spans="2:14" ht="7.5" customHeight="1" x14ac:dyDescent="0.15">
      <c r="B98" s="154"/>
      <c r="C98" s="155"/>
      <c r="D98" s="155"/>
      <c r="E98" s="251"/>
      <c r="F98" s="251"/>
      <c r="G98" s="155"/>
      <c r="H98" s="155"/>
      <c r="I98" s="223"/>
      <c r="J98" s="223"/>
      <c r="K98" s="223"/>
      <c r="L98" s="155"/>
      <c r="M98" s="155"/>
      <c r="N98" s="252"/>
    </row>
    <row r="99" spans="2:14" ht="15.75" customHeight="1" x14ac:dyDescent="0.15">
      <c r="B99" s="158"/>
      <c r="E99" s="14"/>
      <c r="F99" s="15"/>
      <c r="G99" s="16" t="s">
        <v>204</v>
      </c>
      <c r="H99" s="16"/>
      <c r="I99" s="17"/>
      <c r="J99" s="18"/>
      <c r="K99" s="19"/>
      <c r="L99" s="20" t="s">
        <v>134</v>
      </c>
      <c r="M99" s="21"/>
      <c r="N99" s="22"/>
    </row>
    <row r="100" spans="2:14" ht="14.25" customHeight="1" x14ac:dyDescent="0.15">
      <c r="B100" s="158"/>
      <c r="C100" s="153" t="s">
        <v>59</v>
      </c>
      <c r="D100" s="153" t="s">
        <v>61</v>
      </c>
      <c r="E100" s="23" t="s">
        <v>58</v>
      </c>
      <c r="F100" s="23" t="s">
        <v>88</v>
      </c>
      <c r="G100" s="447" t="s">
        <v>457</v>
      </c>
      <c r="H100" s="24" t="s">
        <v>367</v>
      </c>
      <c r="I100" s="25" t="s">
        <v>132</v>
      </c>
      <c r="J100" s="26"/>
      <c r="K100" s="26"/>
      <c r="L100" s="27" t="s">
        <v>135</v>
      </c>
      <c r="M100" s="24" t="s">
        <v>45</v>
      </c>
      <c r="N100" s="28" t="s">
        <v>136</v>
      </c>
    </row>
    <row r="101" spans="2:14" ht="14.25" customHeight="1" x14ac:dyDescent="0.15">
      <c r="B101" s="158"/>
      <c r="C101" s="449"/>
      <c r="D101" s="264"/>
      <c r="E101" s="29"/>
      <c r="F101" s="29" t="s">
        <v>366</v>
      </c>
      <c r="G101" s="30" t="s">
        <v>0</v>
      </c>
      <c r="H101" s="30" t="s">
        <v>205</v>
      </c>
      <c r="I101" s="25" t="s">
        <v>133</v>
      </c>
      <c r="J101" s="31"/>
      <c r="K101" s="32"/>
      <c r="L101" s="24" t="s">
        <v>369</v>
      </c>
      <c r="M101" s="33" t="s">
        <v>368</v>
      </c>
      <c r="N101" s="28"/>
    </row>
    <row r="102" spans="2:14" ht="7.5" customHeight="1" x14ac:dyDescent="0.15">
      <c r="B102" s="158"/>
      <c r="C102" s="195"/>
      <c r="D102" s="196"/>
      <c r="E102" s="37"/>
      <c r="F102" s="37"/>
      <c r="G102" s="38"/>
      <c r="H102" s="39"/>
      <c r="I102" s="40"/>
      <c r="J102" s="36"/>
      <c r="K102" s="41"/>
      <c r="L102" s="40"/>
      <c r="M102" s="39"/>
      <c r="N102" s="42"/>
    </row>
    <row r="103" spans="2:14" ht="7.5" customHeight="1" x14ac:dyDescent="0.15">
      <c r="B103" s="154"/>
      <c r="C103" s="449"/>
      <c r="D103" s="449"/>
      <c r="E103" s="254"/>
      <c r="F103" s="255"/>
      <c r="I103" s="449"/>
      <c r="J103" s="449"/>
      <c r="K103" s="449"/>
      <c r="N103" s="256"/>
    </row>
    <row r="104" spans="2:14" ht="14.25" customHeight="1" x14ac:dyDescent="0.15">
      <c r="B104" s="158"/>
      <c r="C104" s="229" t="s">
        <v>250</v>
      </c>
      <c r="D104" s="153" t="s">
        <v>251</v>
      </c>
      <c r="E104" s="198">
        <v>158</v>
      </c>
      <c r="F104" s="192">
        <v>256</v>
      </c>
      <c r="G104" s="199">
        <v>254</v>
      </c>
      <c r="H104" s="199">
        <v>2</v>
      </c>
      <c r="I104" s="199"/>
      <c r="J104" s="199"/>
      <c r="K104" s="199">
        <v>158</v>
      </c>
      <c r="L104" s="199">
        <v>5</v>
      </c>
      <c r="M104" s="200">
        <v>1.59</v>
      </c>
      <c r="N104" s="219">
        <v>0</v>
      </c>
    </row>
    <row r="105" spans="2:14" ht="7.5" customHeight="1" x14ac:dyDescent="0.15">
      <c r="B105" s="160"/>
      <c r="C105" s="161"/>
      <c r="D105" s="161"/>
      <c r="E105" s="188"/>
      <c r="F105" s="189"/>
      <c r="G105" s="189"/>
      <c r="H105" s="189"/>
      <c r="I105" s="290"/>
      <c r="J105" s="290"/>
      <c r="K105" s="291"/>
      <c r="L105" s="291"/>
      <c r="M105" s="292"/>
      <c r="N105" s="228"/>
    </row>
    <row r="106" spans="2:14" ht="13.5" customHeight="1" x14ac:dyDescent="0.15">
      <c r="E106" s="192"/>
      <c r="F106" s="192"/>
      <c r="G106" s="192"/>
      <c r="H106" s="192"/>
      <c r="L106" s="192"/>
      <c r="M106" s="192"/>
      <c r="N106" s="193"/>
    </row>
    <row r="107" spans="2:14" ht="13.5" customHeight="1" x14ac:dyDescent="0.15">
      <c r="C107" s="263"/>
      <c r="D107" s="263"/>
      <c r="E107" s="263"/>
      <c r="F107" s="263"/>
      <c r="G107" s="263"/>
      <c r="H107" s="263"/>
      <c r="I107" s="263"/>
      <c r="J107" s="263"/>
      <c r="K107" s="263"/>
      <c r="L107" s="263"/>
      <c r="M107" s="263"/>
      <c r="N107" s="263"/>
    </row>
    <row r="108" spans="2:14" ht="14.25" customHeight="1" x14ac:dyDescent="0.15">
      <c r="B108" s="153" t="s">
        <v>351</v>
      </c>
      <c r="E108" s="192"/>
      <c r="F108" s="192"/>
      <c r="G108" s="192"/>
      <c r="H108" s="192"/>
      <c r="L108" s="192"/>
      <c r="M108" s="192"/>
      <c r="N108" s="193"/>
    </row>
    <row r="109" spans="2:14" ht="7.5" customHeight="1" x14ac:dyDescent="0.15">
      <c r="B109" s="154"/>
      <c r="C109" s="155"/>
      <c r="D109" s="155"/>
      <c r="E109" s="251"/>
      <c r="F109" s="251"/>
      <c r="G109" s="155"/>
      <c r="H109" s="155"/>
      <c r="I109" s="223"/>
      <c r="J109" s="223"/>
      <c r="K109" s="223"/>
      <c r="L109" s="155"/>
      <c r="M109" s="155"/>
      <c r="N109" s="252"/>
    </row>
    <row r="110" spans="2:14" ht="15.75" customHeight="1" x14ac:dyDescent="0.15">
      <c r="B110" s="158"/>
      <c r="E110" s="14"/>
      <c r="F110" s="15"/>
      <c r="G110" s="16" t="s">
        <v>204</v>
      </c>
      <c r="H110" s="16"/>
      <c r="I110" s="17"/>
      <c r="J110" s="18"/>
      <c r="K110" s="19"/>
      <c r="L110" s="20" t="s">
        <v>134</v>
      </c>
      <c r="M110" s="21"/>
      <c r="N110" s="22"/>
    </row>
    <row r="111" spans="2:14" ht="14.25" customHeight="1" x14ac:dyDescent="0.15">
      <c r="B111" s="158"/>
      <c r="C111" s="153" t="s">
        <v>59</v>
      </c>
      <c r="D111" s="153" t="s">
        <v>61</v>
      </c>
      <c r="E111" s="23" t="s">
        <v>58</v>
      </c>
      <c r="F111" s="23" t="s">
        <v>88</v>
      </c>
      <c r="G111" s="447" t="s">
        <v>457</v>
      </c>
      <c r="H111" s="24" t="s">
        <v>367</v>
      </c>
      <c r="I111" s="25" t="s">
        <v>132</v>
      </c>
      <c r="J111" s="26"/>
      <c r="K111" s="26"/>
      <c r="L111" s="27" t="s">
        <v>135</v>
      </c>
      <c r="M111" s="24" t="s">
        <v>45</v>
      </c>
      <c r="N111" s="28" t="s">
        <v>136</v>
      </c>
    </row>
    <row r="112" spans="2:14" ht="14.25" customHeight="1" x14ac:dyDescent="0.15">
      <c r="B112" s="158"/>
      <c r="C112" s="449"/>
      <c r="D112" s="264"/>
      <c r="E112" s="29"/>
      <c r="F112" s="29" t="s">
        <v>366</v>
      </c>
      <c r="G112" s="30" t="s">
        <v>0</v>
      </c>
      <c r="H112" s="30" t="s">
        <v>205</v>
      </c>
      <c r="I112" s="25" t="s">
        <v>133</v>
      </c>
      <c r="J112" s="31"/>
      <c r="K112" s="32"/>
      <c r="L112" s="24" t="s">
        <v>369</v>
      </c>
      <c r="M112" s="33" t="s">
        <v>368</v>
      </c>
      <c r="N112" s="28"/>
    </row>
    <row r="113" spans="2:14" ht="7.5" customHeight="1" x14ac:dyDescent="0.15">
      <c r="B113" s="158"/>
      <c r="C113" s="195"/>
      <c r="D113" s="196"/>
      <c r="E113" s="37"/>
      <c r="F113" s="37"/>
      <c r="G113" s="38"/>
      <c r="H113" s="39"/>
      <c r="I113" s="40"/>
      <c r="J113" s="36"/>
      <c r="K113" s="41"/>
      <c r="L113" s="40"/>
      <c r="M113" s="39"/>
      <c r="N113" s="42"/>
    </row>
    <row r="114" spans="2:14" ht="7.5" customHeight="1" x14ac:dyDescent="0.15">
      <c r="B114" s="154"/>
      <c r="C114" s="449"/>
      <c r="D114" s="449"/>
      <c r="E114" s="254"/>
      <c r="F114" s="255"/>
      <c r="I114" s="449"/>
      <c r="J114" s="449"/>
      <c r="K114" s="449"/>
      <c r="N114" s="256"/>
    </row>
    <row r="115" spans="2:14" ht="14.25" customHeight="1" x14ac:dyDescent="0.15">
      <c r="B115" s="158"/>
      <c r="C115" s="229" t="s">
        <v>397</v>
      </c>
      <c r="D115" s="153" t="s">
        <v>352</v>
      </c>
      <c r="E115" s="198">
        <v>79</v>
      </c>
      <c r="F115" s="192">
        <v>89</v>
      </c>
      <c r="G115" s="199">
        <v>88</v>
      </c>
      <c r="H115" s="199">
        <v>1</v>
      </c>
      <c r="I115" s="199"/>
      <c r="J115" s="199"/>
      <c r="K115" s="199">
        <v>80</v>
      </c>
      <c r="L115" s="199">
        <v>0</v>
      </c>
      <c r="M115" s="200">
        <v>1.1100000000000001</v>
      </c>
      <c r="N115" s="219">
        <v>0</v>
      </c>
    </row>
    <row r="116" spans="2:14" ht="7.5" customHeight="1" x14ac:dyDescent="0.15">
      <c r="B116" s="160"/>
      <c r="C116" s="161"/>
      <c r="D116" s="161"/>
      <c r="E116" s="188"/>
      <c r="F116" s="189"/>
      <c r="G116" s="189"/>
      <c r="H116" s="189"/>
      <c r="I116" s="290"/>
      <c r="J116" s="290"/>
      <c r="K116" s="291"/>
      <c r="L116" s="291"/>
      <c r="M116" s="292"/>
      <c r="N116" s="228"/>
    </row>
    <row r="117" spans="2:14" x14ac:dyDescent="0.15">
      <c r="E117" s="192"/>
      <c r="F117" s="192"/>
      <c r="G117" s="192"/>
      <c r="H117" s="192"/>
      <c r="L117" s="192"/>
      <c r="M117" s="192"/>
      <c r="N117" s="193"/>
    </row>
    <row r="118" spans="2:14" x14ac:dyDescent="0.15">
      <c r="C118" s="263"/>
      <c r="D118" s="263"/>
      <c r="E118" s="263"/>
      <c r="F118" s="263"/>
      <c r="G118" s="263"/>
      <c r="H118" s="263"/>
      <c r="I118" s="263"/>
      <c r="J118" s="263"/>
      <c r="K118" s="263"/>
      <c r="L118" s="263"/>
      <c r="M118" s="263"/>
      <c r="N118" s="263"/>
    </row>
    <row r="119" spans="2:14" ht="14.25" customHeight="1" x14ac:dyDescent="0.15">
      <c r="B119" s="153" t="s">
        <v>353</v>
      </c>
      <c r="E119" s="192"/>
      <c r="F119" s="192"/>
      <c r="G119" s="192"/>
      <c r="H119" s="192"/>
      <c r="L119" s="192"/>
      <c r="M119" s="192"/>
      <c r="N119" s="193"/>
    </row>
    <row r="120" spans="2:14" ht="7.5" customHeight="1" x14ac:dyDescent="0.15">
      <c r="B120" s="154"/>
      <c r="C120" s="155"/>
      <c r="D120" s="155"/>
      <c r="E120" s="251"/>
      <c r="F120" s="251"/>
      <c r="G120" s="155"/>
      <c r="H120" s="155"/>
      <c r="I120" s="223"/>
      <c r="J120" s="223"/>
      <c r="K120" s="223"/>
      <c r="L120" s="155"/>
      <c r="M120" s="155"/>
      <c r="N120" s="252"/>
    </row>
    <row r="121" spans="2:14" ht="15.75" customHeight="1" x14ac:dyDescent="0.15">
      <c r="B121" s="158"/>
      <c r="E121" s="14"/>
      <c r="F121" s="15"/>
      <c r="G121" s="16" t="s">
        <v>204</v>
      </c>
      <c r="H121" s="16"/>
      <c r="I121" s="17"/>
      <c r="J121" s="18"/>
      <c r="K121" s="19"/>
      <c r="L121" s="20" t="s">
        <v>134</v>
      </c>
      <c r="M121" s="21"/>
      <c r="N121" s="22"/>
    </row>
    <row r="122" spans="2:14" ht="14.25" customHeight="1" x14ac:dyDescent="0.15">
      <c r="B122" s="158"/>
      <c r="C122" s="153" t="s">
        <v>59</v>
      </c>
      <c r="D122" s="153" t="s">
        <v>61</v>
      </c>
      <c r="E122" s="23" t="s">
        <v>58</v>
      </c>
      <c r="F122" s="23" t="s">
        <v>88</v>
      </c>
      <c r="G122" s="447" t="s">
        <v>457</v>
      </c>
      <c r="H122" s="24" t="s">
        <v>367</v>
      </c>
      <c r="I122" s="25" t="s">
        <v>132</v>
      </c>
      <c r="J122" s="26"/>
      <c r="K122" s="26"/>
      <c r="L122" s="27" t="s">
        <v>135</v>
      </c>
      <c r="M122" s="24" t="s">
        <v>45</v>
      </c>
      <c r="N122" s="28" t="s">
        <v>136</v>
      </c>
    </row>
    <row r="123" spans="2:14" ht="14.25" customHeight="1" x14ac:dyDescent="0.15">
      <c r="B123" s="158"/>
      <c r="C123" s="449"/>
      <c r="D123" s="264"/>
      <c r="E123" s="29"/>
      <c r="F123" s="29" t="s">
        <v>366</v>
      </c>
      <c r="G123" s="30" t="s">
        <v>0</v>
      </c>
      <c r="H123" s="30" t="s">
        <v>205</v>
      </c>
      <c r="I123" s="25" t="s">
        <v>133</v>
      </c>
      <c r="J123" s="31"/>
      <c r="K123" s="32"/>
      <c r="L123" s="24" t="s">
        <v>369</v>
      </c>
      <c r="M123" s="33" t="s">
        <v>368</v>
      </c>
      <c r="N123" s="28"/>
    </row>
    <row r="124" spans="2:14" ht="7.5" customHeight="1" x14ac:dyDescent="0.15">
      <c r="B124" s="158"/>
      <c r="C124" s="195"/>
      <c r="D124" s="196"/>
      <c r="E124" s="37"/>
      <c r="F124" s="37"/>
      <c r="G124" s="38"/>
      <c r="H124" s="39"/>
      <c r="I124" s="40"/>
      <c r="J124" s="36"/>
      <c r="K124" s="41"/>
      <c r="L124" s="40"/>
      <c r="M124" s="39"/>
      <c r="N124" s="42"/>
    </row>
    <row r="125" spans="2:14" ht="7.5" customHeight="1" x14ac:dyDescent="0.15">
      <c r="B125" s="154"/>
      <c r="C125" s="449"/>
      <c r="D125" s="449"/>
      <c r="E125" s="254"/>
      <c r="F125" s="255"/>
      <c r="I125" s="449"/>
      <c r="J125" s="449"/>
      <c r="K125" s="449"/>
      <c r="N125" s="256"/>
    </row>
    <row r="126" spans="2:14" ht="14.25" customHeight="1" x14ac:dyDescent="0.15">
      <c r="B126" s="158"/>
      <c r="C126" s="153" t="s">
        <v>397</v>
      </c>
      <c r="D126" s="153" t="s">
        <v>335</v>
      </c>
      <c r="E126" s="267">
        <v>39</v>
      </c>
      <c r="F126" s="192">
        <v>47</v>
      </c>
      <c r="G126" s="199">
        <v>46</v>
      </c>
      <c r="H126" s="199">
        <v>1</v>
      </c>
      <c r="I126" s="199"/>
      <c r="J126" s="199"/>
      <c r="K126" s="199">
        <v>39</v>
      </c>
      <c r="L126" s="199">
        <v>0</v>
      </c>
      <c r="M126" s="200">
        <v>1.21</v>
      </c>
      <c r="N126" s="219">
        <v>0</v>
      </c>
    </row>
    <row r="127" spans="2:14" ht="7.5" customHeight="1" x14ac:dyDescent="0.15">
      <c r="B127" s="160"/>
      <c r="C127" s="195"/>
      <c r="D127" s="195"/>
      <c r="E127" s="293"/>
      <c r="F127" s="294"/>
      <c r="G127" s="295"/>
      <c r="H127" s="295"/>
      <c r="I127" s="296"/>
      <c r="J127" s="296"/>
      <c r="K127" s="296"/>
      <c r="L127" s="295"/>
      <c r="M127" s="297"/>
      <c r="N127" s="298"/>
    </row>
    <row r="128" spans="2:14" ht="13.5" customHeight="1" x14ac:dyDescent="0.15">
      <c r="E128" s="192"/>
      <c r="F128" s="192"/>
      <c r="G128" s="192"/>
      <c r="H128" s="192"/>
      <c r="L128" s="192"/>
      <c r="M128" s="192"/>
      <c r="N128" s="193"/>
    </row>
    <row r="129" spans="2:14" ht="13.5" customHeight="1" x14ac:dyDescent="0.15">
      <c r="C129" s="263"/>
      <c r="D129" s="263"/>
      <c r="E129" s="263"/>
      <c r="F129" s="263"/>
      <c r="G129" s="263"/>
      <c r="H129" s="263"/>
      <c r="I129" s="263"/>
      <c r="J129" s="263"/>
      <c r="K129" s="263"/>
      <c r="L129" s="263"/>
      <c r="M129" s="263"/>
      <c r="N129" s="263"/>
    </row>
    <row r="130" spans="2:14" ht="14.25" customHeight="1" x14ac:dyDescent="0.15">
      <c r="B130" s="161" t="s">
        <v>354</v>
      </c>
      <c r="E130" s="192"/>
      <c r="F130" s="192"/>
      <c r="G130" s="192"/>
      <c r="H130" s="192"/>
      <c r="L130" s="192"/>
      <c r="M130" s="192"/>
      <c r="N130" s="193"/>
    </row>
    <row r="131" spans="2:14" ht="7.5" customHeight="1" x14ac:dyDescent="0.15">
      <c r="B131" s="154"/>
      <c r="C131" s="155"/>
      <c r="D131" s="155"/>
      <c r="E131" s="251"/>
      <c r="F131" s="251"/>
      <c r="G131" s="155"/>
      <c r="H131" s="155"/>
      <c r="I131" s="223"/>
      <c r="J131" s="223"/>
      <c r="K131" s="223"/>
      <c r="L131" s="155"/>
      <c r="M131" s="155"/>
      <c r="N131" s="252"/>
    </row>
    <row r="132" spans="2:14" ht="15.75" customHeight="1" x14ac:dyDescent="0.15">
      <c r="B132" s="158"/>
      <c r="E132" s="14"/>
      <c r="F132" s="15"/>
      <c r="G132" s="16" t="s">
        <v>204</v>
      </c>
      <c r="H132" s="16"/>
      <c r="I132" s="17"/>
      <c r="J132" s="18"/>
      <c r="K132" s="19"/>
      <c r="L132" s="20" t="s">
        <v>134</v>
      </c>
      <c r="M132" s="21"/>
      <c r="N132" s="22"/>
    </row>
    <row r="133" spans="2:14" ht="14.25" customHeight="1" x14ac:dyDescent="0.15">
      <c r="B133" s="158"/>
      <c r="C133" s="153" t="s">
        <v>59</v>
      </c>
      <c r="D133" s="153" t="s">
        <v>61</v>
      </c>
      <c r="E133" s="23" t="s">
        <v>58</v>
      </c>
      <c r="F133" s="23" t="s">
        <v>88</v>
      </c>
      <c r="G133" s="447" t="s">
        <v>457</v>
      </c>
      <c r="H133" s="24" t="s">
        <v>367</v>
      </c>
      <c r="I133" s="25" t="s">
        <v>132</v>
      </c>
      <c r="J133" s="26"/>
      <c r="K133" s="26"/>
      <c r="L133" s="27" t="s">
        <v>135</v>
      </c>
      <c r="M133" s="24" t="s">
        <v>45</v>
      </c>
      <c r="N133" s="28" t="s">
        <v>136</v>
      </c>
    </row>
    <row r="134" spans="2:14" ht="14.25" customHeight="1" x14ac:dyDescent="0.15">
      <c r="B134" s="158"/>
      <c r="C134" s="449"/>
      <c r="D134" s="264"/>
      <c r="E134" s="29"/>
      <c r="F134" s="29" t="s">
        <v>366</v>
      </c>
      <c r="G134" s="30" t="s">
        <v>0</v>
      </c>
      <c r="H134" s="30" t="s">
        <v>205</v>
      </c>
      <c r="I134" s="25" t="s">
        <v>133</v>
      </c>
      <c r="J134" s="31"/>
      <c r="K134" s="32"/>
      <c r="L134" s="24" t="s">
        <v>369</v>
      </c>
      <c r="M134" s="33" t="s">
        <v>368</v>
      </c>
      <c r="N134" s="28"/>
    </row>
    <row r="135" spans="2:14" ht="7.5" customHeight="1" x14ac:dyDescent="0.15">
      <c r="B135" s="158"/>
      <c r="C135" s="195"/>
      <c r="D135" s="196"/>
      <c r="E135" s="37"/>
      <c r="F135" s="37"/>
      <c r="G135" s="38"/>
      <c r="H135" s="39"/>
      <c r="I135" s="40"/>
      <c r="J135" s="36"/>
      <c r="K135" s="41"/>
      <c r="L135" s="40"/>
      <c r="M135" s="39"/>
      <c r="N135" s="42"/>
    </row>
    <row r="136" spans="2:14" ht="7.5" customHeight="1" x14ac:dyDescent="0.15">
      <c r="B136" s="154"/>
      <c r="C136" s="449"/>
      <c r="D136" s="449"/>
      <c r="E136" s="254"/>
      <c r="F136" s="255"/>
      <c r="I136" s="449"/>
      <c r="J136" s="449"/>
      <c r="K136" s="449"/>
      <c r="N136" s="256"/>
    </row>
    <row r="137" spans="2:14" ht="14.25" customHeight="1" x14ac:dyDescent="0.15">
      <c r="B137" s="158"/>
      <c r="C137" s="153" t="s">
        <v>397</v>
      </c>
      <c r="D137" s="153" t="s">
        <v>336</v>
      </c>
      <c r="E137" s="198">
        <v>39</v>
      </c>
      <c r="F137" s="192">
        <v>48</v>
      </c>
      <c r="G137" s="199">
        <v>48</v>
      </c>
      <c r="H137" s="199">
        <v>0</v>
      </c>
      <c r="I137" s="199"/>
      <c r="J137" s="199"/>
      <c r="K137" s="199">
        <v>39</v>
      </c>
      <c r="L137" s="199">
        <v>0</v>
      </c>
      <c r="M137" s="200">
        <v>1.23</v>
      </c>
      <c r="N137" s="219">
        <v>0</v>
      </c>
    </row>
    <row r="138" spans="2:14" ht="7.5" customHeight="1" x14ac:dyDescent="0.15">
      <c r="B138" s="160"/>
      <c r="C138" s="195"/>
      <c r="D138" s="195"/>
      <c r="E138" s="293"/>
      <c r="F138" s="294"/>
      <c r="G138" s="295"/>
      <c r="H138" s="295"/>
      <c r="I138" s="296"/>
      <c r="J138" s="296"/>
      <c r="K138" s="296"/>
      <c r="L138" s="295"/>
      <c r="M138" s="297"/>
      <c r="N138" s="298"/>
    </row>
    <row r="139" spans="2:14" ht="27" customHeight="1" x14ac:dyDescent="0.15">
      <c r="C139" s="263"/>
      <c r="D139" s="263"/>
      <c r="E139" s="263"/>
      <c r="F139" s="263"/>
      <c r="G139" s="263"/>
      <c r="H139" s="263"/>
      <c r="I139" s="263"/>
      <c r="J139" s="263"/>
      <c r="K139" s="263"/>
      <c r="L139" s="263"/>
      <c r="M139" s="263"/>
      <c r="N139" s="263"/>
    </row>
    <row r="140" spans="2:14" ht="14.25" customHeight="1" x14ac:dyDescent="0.15">
      <c r="B140" s="153" t="s">
        <v>355</v>
      </c>
      <c r="E140" s="192"/>
      <c r="F140" s="192"/>
      <c r="G140" s="192"/>
      <c r="H140" s="192"/>
      <c r="L140" s="192"/>
      <c r="M140" s="192"/>
      <c r="N140" s="193"/>
    </row>
    <row r="141" spans="2:14" ht="7.5" customHeight="1" x14ac:dyDescent="0.15">
      <c r="B141" s="154"/>
      <c r="C141" s="155"/>
      <c r="D141" s="155"/>
      <c r="E141" s="251"/>
      <c r="F141" s="251"/>
      <c r="G141" s="155"/>
      <c r="H141" s="155"/>
      <c r="I141" s="223"/>
      <c r="J141" s="223"/>
      <c r="K141" s="223"/>
      <c r="L141" s="155"/>
      <c r="M141" s="155"/>
      <c r="N141" s="252"/>
    </row>
    <row r="142" spans="2:14" ht="15.75" customHeight="1" x14ac:dyDescent="0.15">
      <c r="B142" s="158"/>
      <c r="E142" s="14"/>
      <c r="F142" s="15"/>
      <c r="G142" s="16" t="s">
        <v>204</v>
      </c>
      <c r="H142" s="16"/>
      <c r="I142" s="17"/>
      <c r="J142" s="18"/>
      <c r="K142" s="19"/>
      <c r="L142" s="20" t="s">
        <v>134</v>
      </c>
      <c r="M142" s="21"/>
      <c r="N142" s="22"/>
    </row>
    <row r="143" spans="2:14" ht="14.25" customHeight="1" x14ac:dyDescent="0.15">
      <c r="B143" s="158"/>
      <c r="C143" s="153" t="s">
        <v>59</v>
      </c>
      <c r="D143" s="229" t="s">
        <v>377</v>
      </c>
      <c r="E143" s="23" t="s">
        <v>58</v>
      </c>
      <c r="F143" s="23" t="s">
        <v>88</v>
      </c>
      <c r="G143" s="447" t="s">
        <v>457</v>
      </c>
      <c r="H143" s="24" t="s">
        <v>367</v>
      </c>
      <c r="I143" s="25" t="s">
        <v>132</v>
      </c>
      <c r="J143" s="26"/>
      <c r="K143" s="26"/>
      <c r="L143" s="27" t="s">
        <v>135</v>
      </c>
      <c r="M143" s="24" t="s">
        <v>45</v>
      </c>
      <c r="N143" s="28" t="s">
        <v>136</v>
      </c>
    </row>
    <row r="144" spans="2:14" ht="14.25" customHeight="1" x14ac:dyDescent="0.15">
      <c r="B144" s="158"/>
      <c r="C144" s="449"/>
      <c r="D144" s="264"/>
      <c r="E144" s="29"/>
      <c r="F144" s="29" t="s">
        <v>366</v>
      </c>
      <c r="G144" s="30" t="s">
        <v>0</v>
      </c>
      <c r="H144" s="30" t="s">
        <v>205</v>
      </c>
      <c r="I144" s="25" t="s">
        <v>133</v>
      </c>
      <c r="J144" s="31"/>
      <c r="K144" s="32"/>
      <c r="L144" s="24" t="s">
        <v>369</v>
      </c>
      <c r="M144" s="33" t="s">
        <v>368</v>
      </c>
      <c r="N144" s="28"/>
    </row>
    <row r="145" spans="2:14" ht="7.5" customHeight="1" x14ac:dyDescent="0.15">
      <c r="B145" s="158"/>
      <c r="C145" s="195"/>
      <c r="D145" s="196"/>
      <c r="E145" s="37"/>
      <c r="F145" s="37"/>
      <c r="G145" s="38"/>
      <c r="H145" s="39"/>
      <c r="I145" s="40"/>
      <c r="J145" s="36"/>
      <c r="K145" s="41"/>
      <c r="L145" s="40"/>
      <c r="M145" s="39"/>
      <c r="N145" s="42"/>
    </row>
    <row r="146" spans="2:14" ht="7.5" customHeight="1" x14ac:dyDescent="0.15">
      <c r="B146" s="154"/>
      <c r="C146" s="449"/>
      <c r="D146" s="449"/>
      <c r="E146" s="254"/>
      <c r="F146" s="255"/>
      <c r="I146" s="449"/>
      <c r="J146" s="449"/>
      <c r="K146" s="449"/>
      <c r="N146" s="256"/>
    </row>
    <row r="147" spans="2:14" ht="14.25" customHeight="1" x14ac:dyDescent="0.15">
      <c r="B147" s="158"/>
      <c r="C147" s="153" t="s">
        <v>278</v>
      </c>
      <c r="D147" s="153" t="s">
        <v>398</v>
      </c>
      <c r="E147" s="198">
        <v>139</v>
      </c>
      <c r="F147" s="192">
        <v>174</v>
      </c>
      <c r="G147" s="199">
        <v>174</v>
      </c>
      <c r="H147" s="199">
        <v>0</v>
      </c>
      <c r="I147" s="199"/>
      <c r="J147" s="199"/>
      <c r="K147" s="199">
        <v>139</v>
      </c>
      <c r="L147" s="199">
        <v>2</v>
      </c>
      <c r="M147" s="200">
        <v>1.24</v>
      </c>
      <c r="N147" s="219">
        <v>0</v>
      </c>
    </row>
    <row r="148" spans="2:14" ht="3.95" customHeight="1" x14ac:dyDescent="0.15">
      <c r="B148" s="158"/>
      <c r="E148" s="198"/>
      <c r="F148" s="192"/>
      <c r="G148" s="192"/>
      <c r="H148" s="192"/>
      <c r="I148" s="199"/>
      <c r="J148" s="259"/>
      <c r="K148" s="167"/>
      <c r="L148" s="192"/>
      <c r="M148" s="192"/>
      <c r="N148" s="272"/>
    </row>
    <row r="149" spans="2:14" ht="14.25" customHeight="1" x14ac:dyDescent="0.15">
      <c r="B149" s="158"/>
      <c r="C149" s="153" t="s">
        <v>408</v>
      </c>
      <c r="D149" s="486" t="s">
        <v>378</v>
      </c>
      <c r="E149" s="371">
        <v>20</v>
      </c>
      <c r="F149" s="192">
        <v>28</v>
      </c>
      <c r="G149" s="199">
        <v>28</v>
      </c>
      <c r="H149" s="199">
        <v>0</v>
      </c>
      <c r="I149" s="199"/>
      <c r="J149" s="199"/>
      <c r="K149" s="199">
        <v>22</v>
      </c>
      <c r="L149" s="199">
        <v>0</v>
      </c>
      <c r="M149" s="200">
        <v>1.27</v>
      </c>
      <c r="N149" s="219">
        <v>0</v>
      </c>
    </row>
    <row r="150" spans="2:14" ht="7.5" customHeight="1" x14ac:dyDescent="0.15">
      <c r="B150" s="158"/>
      <c r="D150" s="486"/>
      <c r="E150" s="198"/>
      <c r="F150" s="192"/>
      <c r="G150" s="192"/>
      <c r="H150" s="192"/>
      <c r="I150" s="199"/>
      <c r="J150" s="259"/>
      <c r="K150" s="167"/>
      <c r="L150" s="192"/>
      <c r="M150" s="192"/>
      <c r="N150" s="272"/>
    </row>
    <row r="151" spans="2:14" ht="17.25" customHeight="1" x14ac:dyDescent="0.15">
      <c r="B151" s="158"/>
      <c r="D151" s="451" t="s">
        <v>276</v>
      </c>
      <c r="E151" s="181">
        <v>159</v>
      </c>
      <c r="F151" s="182">
        <v>202</v>
      </c>
      <c r="G151" s="182">
        <v>202</v>
      </c>
      <c r="H151" s="182">
        <v>0</v>
      </c>
      <c r="I151" s="203"/>
      <c r="J151" s="258"/>
      <c r="K151" s="183">
        <v>161</v>
      </c>
      <c r="L151" s="182">
        <v>2</v>
      </c>
      <c r="M151" s="299">
        <v>1.24</v>
      </c>
      <c r="N151" s="186">
        <v>0</v>
      </c>
    </row>
    <row r="152" spans="2:14" ht="7.5" customHeight="1" x14ac:dyDescent="0.15">
      <c r="B152" s="160"/>
      <c r="C152" s="161"/>
      <c r="D152" s="300"/>
      <c r="E152" s="189"/>
      <c r="F152" s="189"/>
      <c r="G152" s="189"/>
      <c r="H152" s="189"/>
      <c r="I152" s="261"/>
      <c r="J152" s="262"/>
      <c r="K152" s="190"/>
      <c r="L152" s="189"/>
      <c r="M152" s="189"/>
      <c r="N152" s="191"/>
    </row>
    <row r="153" spans="2:14" ht="13.5" customHeight="1" x14ac:dyDescent="0.15">
      <c r="B153" s="411" t="s">
        <v>466</v>
      </c>
      <c r="C153" s="406"/>
      <c r="D153" s="301"/>
      <c r="E153" s="301"/>
      <c r="F153" s="301"/>
      <c r="G153" s="301"/>
      <c r="H153" s="302"/>
      <c r="I153" s="301"/>
      <c r="J153" s="303"/>
    </row>
    <row r="154" spans="2:14" ht="13.5" customHeight="1" x14ac:dyDescent="0.15">
      <c r="B154" s="414" t="s">
        <v>436</v>
      </c>
      <c r="C154" s="407"/>
      <c r="D154" s="301"/>
      <c r="E154" s="304"/>
      <c r="F154" s="302"/>
      <c r="G154" s="302"/>
      <c r="H154" s="302"/>
      <c r="I154" s="305"/>
      <c r="J154" s="306"/>
      <c r="L154" s="307"/>
    </row>
    <row r="155" spans="2:14" ht="13.5" customHeight="1" x14ac:dyDescent="0.15">
      <c r="B155" s="414" t="s">
        <v>465</v>
      </c>
      <c r="C155" s="407"/>
      <c r="D155" s="301"/>
      <c r="E155" s="304"/>
      <c r="F155" s="302"/>
      <c r="G155" s="302"/>
      <c r="H155" s="302"/>
      <c r="I155" s="305"/>
      <c r="J155" s="306"/>
      <c r="L155" s="307"/>
    </row>
    <row r="156" spans="2:14" ht="13.5" customHeight="1" x14ac:dyDescent="0.15">
      <c r="B156" s="414" t="s">
        <v>463</v>
      </c>
      <c r="C156" s="407"/>
      <c r="D156" s="301"/>
      <c r="E156" s="304"/>
      <c r="F156" s="302"/>
      <c r="G156" s="302"/>
      <c r="H156" s="302"/>
      <c r="I156" s="305"/>
      <c r="J156" s="306"/>
      <c r="L156" s="307"/>
    </row>
    <row r="157" spans="2:14" ht="15.75" customHeight="1" x14ac:dyDescent="0.15">
      <c r="C157" s="263"/>
      <c r="D157" s="263"/>
      <c r="E157" s="263"/>
      <c r="F157" s="263"/>
      <c r="G157" s="263"/>
      <c r="H157" s="263"/>
      <c r="I157" s="263"/>
      <c r="J157" s="263"/>
      <c r="K157" s="263"/>
      <c r="L157" s="263"/>
      <c r="M157" s="263"/>
      <c r="N157" s="263"/>
    </row>
    <row r="158" spans="2:14" ht="14.25" customHeight="1" x14ac:dyDescent="0.15">
      <c r="B158" s="153" t="s">
        <v>173</v>
      </c>
      <c r="E158" s="192"/>
      <c r="F158" s="192"/>
      <c r="G158" s="192"/>
      <c r="H158" s="192"/>
      <c r="L158" s="192"/>
      <c r="M158" s="192"/>
      <c r="N158" s="193"/>
    </row>
    <row r="159" spans="2:14" ht="7.5" customHeight="1" x14ac:dyDescent="0.15">
      <c r="B159" s="154"/>
      <c r="C159" s="155"/>
      <c r="D159" s="155"/>
      <c r="E159" s="251"/>
      <c r="F159" s="251"/>
      <c r="G159" s="155"/>
      <c r="H159" s="155"/>
      <c r="I159" s="223"/>
      <c r="J159" s="223"/>
      <c r="K159" s="223"/>
      <c r="L159" s="155"/>
      <c r="M159" s="155"/>
      <c r="N159" s="252"/>
    </row>
    <row r="160" spans="2:14" ht="15.75" customHeight="1" x14ac:dyDescent="0.15">
      <c r="B160" s="158"/>
      <c r="E160" s="14"/>
      <c r="F160" s="15"/>
      <c r="G160" s="16" t="s">
        <v>204</v>
      </c>
      <c r="H160" s="16"/>
      <c r="I160" s="17"/>
      <c r="J160" s="18"/>
      <c r="K160" s="19"/>
      <c r="L160" s="20" t="s">
        <v>134</v>
      </c>
      <c r="M160" s="21"/>
      <c r="N160" s="22"/>
    </row>
    <row r="161" spans="2:15" ht="14.25" customHeight="1" x14ac:dyDescent="0.15">
      <c r="B161" s="158"/>
      <c r="C161" s="153" t="s">
        <v>59</v>
      </c>
      <c r="D161" s="153" t="s">
        <v>61</v>
      </c>
      <c r="E161" s="23" t="s">
        <v>58</v>
      </c>
      <c r="F161" s="23" t="s">
        <v>88</v>
      </c>
      <c r="G161" s="447" t="s">
        <v>457</v>
      </c>
      <c r="H161" s="24" t="s">
        <v>367</v>
      </c>
      <c r="I161" s="25" t="s">
        <v>132</v>
      </c>
      <c r="J161" s="26"/>
      <c r="K161" s="26"/>
      <c r="L161" s="27" t="s">
        <v>135</v>
      </c>
      <c r="M161" s="24" t="s">
        <v>45</v>
      </c>
      <c r="N161" s="28" t="s">
        <v>136</v>
      </c>
    </row>
    <row r="162" spans="2:15" ht="14.25" customHeight="1" x14ac:dyDescent="0.15">
      <c r="B162" s="158"/>
      <c r="C162" s="449"/>
      <c r="D162" s="264"/>
      <c r="E162" s="29"/>
      <c r="F162" s="29" t="s">
        <v>366</v>
      </c>
      <c r="G162" s="30" t="s">
        <v>0</v>
      </c>
      <c r="H162" s="30" t="s">
        <v>205</v>
      </c>
      <c r="I162" s="25" t="s">
        <v>133</v>
      </c>
      <c r="J162" s="31"/>
      <c r="K162" s="32"/>
      <c r="L162" s="24" t="s">
        <v>369</v>
      </c>
      <c r="M162" s="33" t="s">
        <v>368</v>
      </c>
      <c r="N162" s="28"/>
    </row>
    <row r="163" spans="2:15" ht="7.5" customHeight="1" x14ac:dyDescent="0.15">
      <c r="B163" s="158"/>
      <c r="C163" s="195"/>
      <c r="D163" s="196"/>
      <c r="E163" s="37"/>
      <c r="F163" s="37"/>
      <c r="G163" s="38"/>
      <c r="H163" s="39"/>
      <c r="I163" s="40"/>
      <c r="J163" s="36"/>
      <c r="K163" s="41"/>
      <c r="L163" s="40"/>
      <c r="M163" s="39"/>
      <c r="N163" s="42"/>
    </row>
    <row r="164" spans="2:15" ht="7.5" customHeight="1" x14ac:dyDescent="0.15">
      <c r="B164" s="154"/>
      <c r="C164" s="449"/>
      <c r="D164" s="449"/>
      <c r="E164" s="254"/>
      <c r="F164" s="255"/>
      <c r="I164" s="449"/>
      <c r="J164" s="449"/>
      <c r="K164" s="449"/>
      <c r="N164" s="256"/>
    </row>
    <row r="165" spans="2:15" ht="14.25" customHeight="1" x14ac:dyDescent="0.15">
      <c r="B165" s="158"/>
      <c r="C165" s="153" t="s">
        <v>73</v>
      </c>
      <c r="D165" s="153" t="s">
        <v>74</v>
      </c>
      <c r="E165" s="198">
        <v>239</v>
      </c>
      <c r="F165" s="192">
        <v>258</v>
      </c>
      <c r="G165" s="199">
        <v>256</v>
      </c>
      <c r="H165" s="199">
        <v>2</v>
      </c>
      <c r="I165" s="199"/>
      <c r="J165" s="199"/>
      <c r="K165" s="199">
        <v>239</v>
      </c>
      <c r="L165" s="199">
        <v>3</v>
      </c>
      <c r="M165" s="200">
        <v>1.07</v>
      </c>
      <c r="N165" s="219">
        <v>0</v>
      </c>
    </row>
    <row r="166" spans="2:15" ht="7.5" customHeight="1" x14ac:dyDescent="0.15">
      <c r="B166" s="160"/>
      <c r="C166" s="161"/>
      <c r="D166" s="161"/>
      <c r="E166" s="188"/>
      <c r="F166" s="189"/>
      <c r="G166" s="189"/>
      <c r="H166" s="189"/>
      <c r="I166" s="261"/>
      <c r="J166" s="262"/>
      <c r="K166" s="190"/>
      <c r="L166" s="189"/>
      <c r="M166" s="189"/>
      <c r="N166" s="191"/>
    </row>
    <row r="167" spans="2:15" ht="27" customHeight="1" x14ac:dyDescent="0.15">
      <c r="E167" s="192"/>
      <c r="F167" s="192"/>
      <c r="G167" s="192"/>
      <c r="H167" s="192"/>
      <c r="L167" s="192"/>
      <c r="M167" s="192"/>
      <c r="N167" s="193"/>
    </row>
    <row r="168" spans="2:15" s="392" customFormat="1" ht="14.25" customHeight="1" x14ac:dyDescent="0.15">
      <c r="B168" s="392" t="s">
        <v>413</v>
      </c>
      <c r="E168" s="393"/>
      <c r="I168" s="394"/>
      <c r="J168" s="395"/>
      <c r="O168" s="153"/>
    </row>
    <row r="169" spans="2:15" s="392" customFormat="1" ht="7.5" customHeight="1" x14ac:dyDescent="0.15">
      <c r="B169" s="396"/>
      <c r="C169" s="397"/>
      <c r="D169" s="397"/>
      <c r="E169" s="251"/>
      <c r="F169" s="251"/>
      <c r="G169" s="155"/>
      <c r="H169" s="155"/>
      <c r="I169" s="223"/>
      <c r="J169" s="223"/>
      <c r="K169" s="223"/>
      <c r="L169" s="155"/>
      <c r="M169" s="155"/>
      <c r="N169" s="252"/>
      <c r="O169" s="153"/>
    </row>
    <row r="170" spans="2:15" s="392" customFormat="1" ht="14.25" customHeight="1" x14ac:dyDescent="0.15">
      <c r="B170" s="398"/>
      <c r="C170" s="399"/>
      <c r="D170" s="399"/>
      <c r="E170" s="14"/>
      <c r="F170" s="15"/>
      <c r="G170" s="16" t="s">
        <v>204</v>
      </c>
      <c r="H170" s="16"/>
      <c r="I170" s="17"/>
      <c r="J170" s="18"/>
      <c r="K170" s="19"/>
      <c r="L170" s="20" t="s">
        <v>134</v>
      </c>
      <c r="M170" s="21"/>
      <c r="N170" s="22"/>
      <c r="O170" s="153"/>
    </row>
    <row r="171" spans="2:15" s="392" customFormat="1" ht="14.25" customHeight="1" x14ac:dyDescent="0.15">
      <c r="B171" s="398"/>
      <c r="C171" s="399" t="s">
        <v>59</v>
      </c>
      <c r="D171" s="399" t="s">
        <v>61</v>
      </c>
      <c r="E171" s="23" t="s">
        <v>58</v>
      </c>
      <c r="F171" s="23" t="s">
        <v>88</v>
      </c>
      <c r="G171" s="447" t="s">
        <v>457</v>
      </c>
      <c r="H171" s="24" t="s">
        <v>367</v>
      </c>
      <c r="I171" s="25" t="s">
        <v>132</v>
      </c>
      <c r="J171" s="26"/>
      <c r="K171" s="26"/>
      <c r="L171" s="27" t="s">
        <v>135</v>
      </c>
      <c r="M171" s="24" t="s">
        <v>45</v>
      </c>
      <c r="N171" s="28" t="s">
        <v>136</v>
      </c>
      <c r="O171" s="153"/>
    </row>
    <row r="172" spans="2:15" s="392" customFormat="1" ht="14.25" customHeight="1" x14ac:dyDescent="0.15">
      <c r="B172" s="398"/>
      <c r="C172" s="400"/>
      <c r="D172" s="401"/>
      <c r="E172" s="29"/>
      <c r="F172" s="29" t="s">
        <v>366</v>
      </c>
      <c r="G172" s="30" t="s">
        <v>0</v>
      </c>
      <c r="H172" s="30" t="s">
        <v>205</v>
      </c>
      <c r="I172" s="25" t="s">
        <v>133</v>
      </c>
      <c r="J172" s="31"/>
      <c r="K172" s="32"/>
      <c r="L172" s="24" t="s">
        <v>369</v>
      </c>
      <c r="M172" s="33" t="s">
        <v>368</v>
      </c>
      <c r="N172" s="28"/>
      <c r="O172" s="153"/>
    </row>
    <row r="173" spans="2:15" s="392" customFormat="1" ht="7.5" customHeight="1" x14ac:dyDescent="0.15">
      <c r="B173" s="398"/>
      <c r="C173" s="402"/>
      <c r="D173" s="403"/>
      <c r="E173" s="37"/>
      <c r="F173" s="37"/>
      <c r="G173" s="38"/>
      <c r="H173" s="39"/>
      <c r="I173" s="40"/>
      <c r="J173" s="36"/>
      <c r="K173" s="41"/>
      <c r="L173" s="40"/>
      <c r="M173" s="39"/>
      <c r="N173" s="42"/>
      <c r="O173" s="153"/>
    </row>
    <row r="174" spans="2:15" s="392" customFormat="1" ht="7.5" customHeight="1" x14ac:dyDescent="0.15">
      <c r="B174" s="396"/>
      <c r="C174" s="400"/>
      <c r="D174" s="400"/>
      <c r="E174" s="254"/>
      <c r="F174" s="255"/>
      <c r="G174" s="153"/>
      <c r="H174" s="153"/>
      <c r="I174" s="449"/>
      <c r="J174" s="449"/>
      <c r="K174" s="449"/>
      <c r="L174" s="153"/>
      <c r="M174" s="153"/>
      <c r="N174" s="256"/>
      <c r="O174" s="153"/>
    </row>
    <row r="175" spans="2:15" s="392" customFormat="1" ht="14.25" customHeight="1" x14ac:dyDescent="0.15">
      <c r="B175" s="398"/>
      <c r="C175" s="399" t="s">
        <v>126</v>
      </c>
      <c r="D175" s="399" t="s">
        <v>412</v>
      </c>
      <c r="E175" s="198">
        <v>30</v>
      </c>
      <c r="F175" s="192">
        <v>44</v>
      </c>
      <c r="G175" s="199">
        <v>44</v>
      </c>
      <c r="H175" s="199">
        <v>0</v>
      </c>
      <c r="I175" s="199"/>
      <c r="J175" s="199"/>
      <c r="K175" s="199">
        <v>30</v>
      </c>
      <c r="L175" s="199">
        <v>0</v>
      </c>
      <c r="M175" s="200">
        <v>1.47</v>
      </c>
      <c r="N175" s="219">
        <v>0</v>
      </c>
      <c r="O175" s="153"/>
    </row>
    <row r="176" spans="2:15" s="392" customFormat="1" ht="7.5" customHeight="1" x14ac:dyDescent="0.15">
      <c r="B176" s="404"/>
      <c r="C176" s="405"/>
      <c r="D176" s="405"/>
      <c r="E176" s="188"/>
      <c r="F176" s="189"/>
      <c r="G176" s="189"/>
      <c r="H176" s="189"/>
      <c r="I176" s="261"/>
      <c r="J176" s="262"/>
      <c r="K176" s="190"/>
      <c r="L176" s="189"/>
      <c r="M176" s="189"/>
      <c r="N176" s="191"/>
      <c r="O176" s="153"/>
    </row>
    <row r="177" spans="2:15" s="2" customFormat="1" ht="13.5" customHeight="1" x14ac:dyDescent="0.15">
      <c r="B177" s="46"/>
      <c r="C177" s="1"/>
      <c r="E177" s="3"/>
      <c r="F177" s="3"/>
      <c r="G177" s="4"/>
      <c r="H177" s="4"/>
      <c r="I177" s="4"/>
      <c r="J177" s="4"/>
      <c r="K177" s="4"/>
      <c r="L177" s="4"/>
      <c r="M177" s="4"/>
      <c r="O177" s="153"/>
    </row>
    <row r="178" spans="2:15" s="2" customFormat="1" ht="13.5" customHeight="1" x14ac:dyDescent="0.15">
      <c r="B178" s="46"/>
      <c r="C178" s="1"/>
      <c r="E178" s="3"/>
      <c r="F178" s="3"/>
      <c r="G178" s="4"/>
      <c r="H178" s="4"/>
      <c r="I178" s="4"/>
      <c r="J178" s="4"/>
      <c r="K178" s="4"/>
      <c r="L178" s="4"/>
      <c r="M178" s="4"/>
      <c r="O178" s="153"/>
    </row>
    <row r="179" spans="2:15" s="2" customFormat="1" ht="14.25" customHeight="1" x14ac:dyDescent="0.15">
      <c r="B179" s="5" t="s">
        <v>388</v>
      </c>
      <c r="E179" s="3"/>
      <c r="F179" s="3"/>
      <c r="G179" s="4"/>
      <c r="H179" s="4"/>
      <c r="I179" s="4"/>
      <c r="J179" s="4"/>
      <c r="L179" s="4"/>
      <c r="M179" s="4"/>
      <c r="O179" s="153"/>
    </row>
    <row r="180" spans="2:15" s="2" customFormat="1" ht="14.25" customHeight="1" x14ac:dyDescent="0.15">
      <c r="E180" s="3"/>
      <c r="F180" s="3"/>
      <c r="G180" s="4"/>
      <c r="H180" s="4"/>
      <c r="I180" s="4"/>
      <c r="J180" s="4"/>
      <c r="L180" s="4"/>
      <c r="M180" s="4"/>
      <c r="O180" s="153"/>
    </row>
    <row r="181" spans="2:15" s="2" customFormat="1" ht="14.25" customHeight="1" x14ac:dyDescent="0.15">
      <c r="B181" s="148"/>
      <c r="C181" s="8"/>
      <c r="D181" s="9"/>
      <c r="E181" s="10"/>
      <c r="F181" s="10"/>
      <c r="G181" s="9"/>
      <c r="H181" s="9"/>
      <c r="I181" s="9"/>
      <c r="J181" s="9"/>
      <c r="K181" s="9"/>
      <c r="L181" s="308"/>
      <c r="M181" s="308"/>
      <c r="N181" s="309"/>
      <c r="O181" s="153"/>
    </row>
    <row r="182" spans="2:15" s="2" customFormat="1" ht="13.5" customHeight="1" x14ac:dyDescent="0.15">
      <c r="B182" s="109"/>
      <c r="C182" s="1"/>
      <c r="E182" s="14"/>
      <c r="F182" s="15"/>
      <c r="G182" s="16" t="s">
        <v>204</v>
      </c>
      <c r="H182" s="16"/>
      <c r="I182" s="17"/>
      <c r="J182" s="18"/>
      <c r="K182" s="19"/>
      <c r="L182" s="20" t="s">
        <v>134</v>
      </c>
      <c r="M182" s="21"/>
      <c r="N182" s="22"/>
      <c r="O182" s="153"/>
    </row>
    <row r="183" spans="2:15" s="2" customFormat="1" ht="13.5" customHeight="1" x14ac:dyDescent="0.15">
      <c r="B183" s="109"/>
      <c r="C183" s="153" t="s">
        <v>59</v>
      </c>
      <c r="D183" s="153" t="s">
        <v>61</v>
      </c>
      <c r="E183" s="23" t="s">
        <v>58</v>
      </c>
      <c r="F183" s="23" t="s">
        <v>88</v>
      </c>
      <c r="G183" s="447" t="s">
        <v>459</v>
      </c>
      <c r="H183" s="24" t="s">
        <v>367</v>
      </c>
      <c r="I183" s="25" t="s">
        <v>132</v>
      </c>
      <c r="J183" s="26"/>
      <c r="K183" s="26"/>
      <c r="L183" s="27" t="s">
        <v>135</v>
      </c>
      <c r="M183" s="24" t="s">
        <v>45</v>
      </c>
      <c r="N183" s="28" t="s">
        <v>136</v>
      </c>
      <c r="O183" s="153"/>
    </row>
    <row r="184" spans="2:15" s="2" customFormat="1" ht="14.25" customHeight="1" x14ac:dyDescent="0.15">
      <c r="B184" s="109"/>
      <c r="C184" s="1"/>
      <c r="D184" s="1"/>
      <c r="E184" s="29"/>
      <c r="F184" s="29" t="s">
        <v>366</v>
      </c>
      <c r="G184" s="30" t="s">
        <v>0</v>
      </c>
      <c r="H184" s="30" t="s">
        <v>205</v>
      </c>
      <c r="I184" s="25" t="s">
        <v>133</v>
      </c>
      <c r="J184" s="31"/>
      <c r="K184" s="32"/>
      <c r="L184" s="24" t="s">
        <v>369</v>
      </c>
      <c r="M184" s="33" t="s">
        <v>368</v>
      </c>
      <c r="N184" s="28"/>
      <c r="O184" s="153"/>
    </row>
    <row r="185" spans="2:15" s="2" customFormat="1" ht="7.5" customHeight="1" x14ac:dyDescent="0.15">
      <c r="B185" s="115"/>
      <c r="C185" s="150"/>
      <c r="D185" s="36"/>
      <c r="E185" s="37"/>
      <c r="F185" s="37"/>
      <c r="G185" s="38"/>
      <c r="H185" s="39"/>
      <c r="I185" s="40"/>
      <c r="J185" s="36"/>
      <c r="K185" s="41"/>
      <c r="L185" s="162"/>
      <c r="M185" s="39"/>
      <c r="N185" s="163"/>
      <c r="O185" s="153"/>
    </row>
    <row r="186" spans="2:15" s="2" customFormat="1" ht="7.5" customHeight="1" x14ac:dyDescent="0.15">
      <c r="B186" s="148"/>
      <c r="C186" s="310"/>
      <c r="D186" s="1"/>
      <c r="E186" s="44"/>
      <c r="F186" s="135"/>
      <c r="G186" s="4"/>
      <c r="H186" s="4"/>
      <c r="I186" s="1"/>
      <c r="J186" s="1"/>
      <c r="K186" s="1"/>
      <c r="L186" s="4"/>
      <c r="M186" s="9"/>
      <c r="N186" s="309"/>
      <c r="O186" s="153"/>
    </row>
    <row r="187" spans="2:15" s="2" customFormat="1" ht="14.1" customHeight="1" x14ac:dyDescent="0.15">
      <c r="B187" s="311"/>
      <c r="C187" s="46" t="s">
        <v>196</v>
      </c>
      <c r="D187" s="46" t="s">
        <v>128</v>
      </c>
      <c r="E187" s="128">
        <v>40</v>
      </c>
      <c r="F187" s="192">
        <v>39</v>
      </c>
      <c r="G187" s="199">
        <v>39</v>
      </c>
      <c r="H187" s="199">
        <v>0</v>
      </c>
      <c r="I187" s="199"/>
      <c r="J187" s="199"/>
      <c r="K187" s="199">
        <v>40</v>
      </c>
      <c r="L187" s="199">
        <v>0</v>
      </c>
      <c r="M187" s="200">
        <v>0.98</v>
      </c>
      <c r="N187" s="219">
        <v>0</v>
      </c>
      <c r="O187" s="153"/>
    </row>
    <row r="188" spans="2:15" s="2" customFormat="1" ht="14.1" customHeight="1" x14ac:dyDescent="0.15">
      <c r="B188" s="311"/>
      <c r="C188" s="46" t="s">
        <v>57</v>
      </c>
      <c r="D188" s="46" t="s">
        <v>128</v>
      </c>
      <c r="E188" s="312">
        <v>45</v>
      </c>
      <c r="F188" s="192">
        <v>37</v>
      </c>
      <c r="G188" s="199">
        <v>37</v>
      </c>
      <c r="H188" s="199">
        <v>0</v>
      </c>
      <c r="I188" s="199"/>
      <c r="J188" s="199"/>
      <c r="K188" s="199">
        <v>37</v>
      </c>
      <c r="L188" s="199">
        <v>0</v>
      </c>
      <c r="M188" s="200">
        <v>1</v>
      </c>
      <c r="N188" s="219">
        <v>8</v>
      </c>
      <c r="O188" s="153"/>
    </row>
    <row r="189" spans="2:15" s="2" customFormat="1" ht="7.5" customHeight="1" x14ac:dyDescent="0.15">
      <c r="B189" s="115"/>
      <c r="C189" s="283"/>
      <c r="D189" s="284"/>
      <c r="E189" s="314"/>
      <c r="F189" s="315"/>
      <c r="G189" s="280"/>
      <c r="H189" s="280"/>
      <c r="I189" s="313"/>
      <c r="J189" s="313"/>
      <c r="K189" s="313"/>
      <c r="L189" s="280"/>
      <c r="M189" s="316"/>
      <c r="N189" s="289"/>
    </row>
    <row r="190" spans="2:15" s="2" customFormat="1" ht="7.5" customHeight="1" x14ac:dyDescent="0.15">
      <c r="B190" s="317"/>
      <c r="C190" s="106"/>
      <c r="D190" s="46"/>
      <c r="E190" s="318"/>
      <c r="F190" s="319"/>
      <c r="G190" s="319"/>
      <c r="H190" s="319"/>
      <c r="I190" s="320"/>
      <c r="J190" s="320"/>
      <c r="K190" s="320"/>
      <c r="L190" s="319"/>
      <c r="M190" s="313"/>
      <c r="N190" s="321"/>
    </row>
    <row r="191" spans="2:15" s="2" customFormat="1" x14ac:dyDescent="0.15">
      <c r="B191" s="96"/>
      <c r="C191" s="483" t="s">
        <v>33</v>
      </c>
      <c r="D191" s="484"/>
      <c r="E191" s="278">
        <v>85</v>
      </c>
      <c r="F191" s="279">
        <v>76</v>
      </c>
      <c r="G191" s="279">
        <v>76</v>
      </c>
      <c r="H191" s="279">
        <v>0</v>
      </c>
      <c r="I191" s="279"/>
      <c r="J191" s="280"/>
      <c r="K191" s="279">
        <v>77</v>
      </c>
      <c r="L191" s="279">
        <v>0</v>
      </c>
      <c r="M191" s="103">
        <v>0.99</v>
      </c>
      <c r="N191" s="281">
        <v>8</v>
      </c>
    </row>
    <row r="192" spans="2:15" s="2" customFormat="1" ht="7.5" customHeight="1" x14ac:dyDescent="0.15">
      <c r="B192" s="282"/>
      <c r="C192" s="283"/>
      <c r="D192" s="284"/>
      <c r="E192" s="285"/>
      <c r="F192" s="286"/>
      <c r="G192" s="162"/>
      <c r="H192" s="162"/>
      <c r="I192" s="287"/>
      <c r="J192" s="284"/>
      <c r="K192" s="287"/>
      <c r="L192" s="162"/>
      <c r="M192" s="288"/>
      <c r="N192" s="289"/>
    </row>
    <row r="193" spans="2:13" s="2" customFormat="1" ht="13.5" customHeight="1" x14ac:dyDescent="0.15">
      <c r="B193" s="412"/>
      <c r="C193" s="217"/>
      <c r="D193" s="46"/>
      <c r="E193" s="48"/>
      <c r="F193" s="48"/>
      <c r="G193" s="4"/>
      <c r="H193" s="4"/>
      <c r="I193" s="49"/>
      <c r="J193" s="46"/>
      <c r="K193" s="49"/>
      <c r="L193" s="4"/>
      <c r="M193" s="322"/>
    </row>
    <row r="194" spans="2:13" s="2" customFormat="1" x14ac:dyDescent="0.15">
      <c r="E194" s="3"/>
      <c r="F194" s="3"/>
      <c r="G194" s="4"/>
      <c r="H194" s="4"/>
      <c r="I194" s="4"/>
      <c r="J194" s="4"/>
      <c r="K194" s="4"/>
      <c r="L194" s="4"/>
      <c r="M194" s="4"/>
    </row>
    <row r="195" spans="2:13" s="2" customFormat="1" x14ac:dyDescent="0.15">
      <c r="B195" s="1"/>
      <c r="E195" s="3"/>
      <c r="F195" s="3"/>
      <c r="G195" s="4"/>
      <c r="H195" s="4"/>
      <c r="I195" s="4"/>
      <c r="J195" s="4"/>
      <c r="K195" s="4"/>
      <c r="L195" s="4"/>
      <c r="M195" s="4"/>
    </row>
  </sheetData>
  <mergeCells count="6">
    <mergeCell ref="C191:D191"/>
    <mergeCell ref="C31:D31"/>
    <mergeCell ref="C63:D63"/>
    <mergeCell ref="B65:N65"/>
    <mergeCell ref="C82:D82"/>
    <mergeCell ref="D149:D150"/>
  </mergeCells>
  <phoneticPr fontId="2"/>
  <conditionalFormatting sqref="L154:L156">
    <cfRule type="cellIs" dxfId="1" priority="9" stopIfTrue="1" operator="equal">
      <formula>"*"</formula>
    </cfRule>
  </conditionalFormatting>
  <printOptions horizontalCentered="1"/>
  <pageMargins left="0.78740157480314965" right="0.78740157480314965" top="0.78740157480314965" bottom="0.59055118110236227" header="0.51181102362204722" footer="0.39370078740157483"/>
  <pageSetup paperSize="9" scale="72" firstPageNumber="8" fitToHeight="0" orientation="portrait" blackAndWhite="1" useFirstPageNumber="1" r:id="rId1"/>
  <headerFooter alignWithMargins="0">
    <oddFooter>&amp;C&amp;P</oddFooter>
  </headerFooter>
  <rowBreaks count="2" manualBreakCount="2">
    <brk id="67" max="13" man="1"/>
    <brk id="129" max="1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pageSetUpPr fitToPage="1"/>
  </sheetPr>
  <dimension ref="A1:Q126"/>
  <sheetViews>
    <sheetView zoomScale="85" zoomScaleNormal="85" workbookViewId="0"/>
  </sheetViews>
  <sheetFormatPr defaultColWidth="9" defaultRowHeight="13.5" x14ac:dyDescent="0.15"/>
  <cols>
    <col min="1" max="1" width="1.5" style="153" customWidth="1"/>
    <col min="2" max="2" width="1.375" style="153" customWidth="1"/>
    <col min="3" max="3" width="21.875" style="153" customWidth="1"/>
    <col min="4" max="4" width="15.5" style="153" customWidth="1"/>
    <col min="5" max="5" width="7.5" style="153" customWidth="1"/>
    <col min="6" max="6" width="9.125" style="153" customWidth="1"/>
    <col min="7" max="8" width="9" style="153" customWidth="1"/>
    <col min="9" max="9" width="7.125" style="153" bestFit="1" customWidth="1"/>
    <col min="10" max="10" width="5.5" style="153" bestFit="1" customWidth="1"/>
    <col min="11" max="11" width="5.125" style="153" bestFit="1" customWidth="1"/>
    <col min="12" max="12" width="7" style="153" customWidth="1"/>
    <col min="13" max="13" width="9.125" style="153" customWidth="1"/>
    <col min="14" max="14" width="10" style="153" bestFit="1" customWidth="1"/>
    <col min="15" max="15" width="6.875" style="153" customWidth="1"/>
    <col min="16" max="16384" width="9" style="153"/>
  </cols>
  <sheetData>
    <row r="1" spans="2:15" s="46" customFormat="1" ht="15" customHeight="1" x14ac:dyDescent="0.15">
      <c r="B1" s="5" t="s">
        <v>380</v>
      </c>
      <c r="C1" s="323"/>
      <c r="E1" s="49"/>
      <c r="F1" s="49"/>
      <c r="G1" s="49"/>
      <c r="H1" s="49"/>
      <c r="I1" s="49"/>
      <c r="J1" s="49"/>
      <c r="K1" s="49"/>
      <c r="M1" s="49"/>
      <c r="N1" s="49"/>
      <c r="O1" s="322"/>
    </row>
    <row r="2" spans="2:15" s="46" customFormat="1" ht="15" customHeight="1" x14ac:dyDescent="0.15">
      <c r="B2" s="5"/>
      <c r="C2" s="323"/>
      <c r="E2" s="49"/>
      <c r="F2" s="49"/>
      <c r="G2" s="49"/>
      <c r="H2" s="49"/>
      <c r="I2" s="49"/>
      <c r="J2" s="49"/>
      <c r="K2" s="49"/>
      <c r="M2" s="49"/>
      <c r="N2" s="49"/>
      <c r="O2" s="322"/>
    </row>
    <row r="3" spans="2:15" s="46" customFormat="1" ht="14.25" x14ac:dyDescent="0.15">
      <c r="B3" s="5"/>
      <c r="C3" s="324" t="s">
        <v>183</v>
      </c>
      <c r="D3" s="324"/>
      <c r="E3" s="324"/>
      <c r="F3" s="49"/>
      <c r="G3" s="49"/>
      <c r="H3" s="49"/>
      <c r="I3" s="49"/>
      <c r="J3" s="49"/>
      <c r="K3" s="49"/>
      <c r="M3" s="49"/>
      <c r="N3" s="49"/>
      <c r="O3" s="322"/>
    </row>
    <row r="4" spans="2:15" s="46" customFormat="1" ht="14.25" x14ac:dyDescent="0.15">
      <c r="B4" s="5"/>
      <c r="C4" s="324" t="s">
        <v>414</v>
      </c>
      <c r="D4" s="324"/>
      <c r="E4" s="324"/>
      <c r="F4" s="49"/>
      <c r="G4" s="49"/>
      <c r="H4" s="49"/>
      <c r="I4" s="49"/>
      <c r="J4" s="49"/>
      <c r="K4" s="49"/>
      <c r="M4" s="49"/>
      <c r="N4" s="49"/>
      <c r="O4" s="322"/>
    </row>
    <row r="5" spans="2:15" s="46" customFormat="1" ht="14.25" x14ac:dyDescent="0.15">
      <c r="B5" s="5"/>
      <c r="C5" s="324"/>
      <c r="D5" s="324"/>
      <c r="E5" s="324"/>
      <c r="F5" s="49"/>
      <c r="G5" s="49"/>
      <c r="H5" s="49"/>
      <c r="I5" s="49"/>
      <c r="J5" s="49"/>
      <c r="K5" s="49"/>
      <c r="M5" s="49"/>
      <c r="N5" s="49"/>
      <c r="O5" s="322"/>
    </row>
    <row r="6" spans="2:15" x14ac:dyDescent="0.15">
      <c r="B6" s="325" t="s">
        <v>280</v>
      </c>
      <c r="E6" s="192"/>
      <c r="F6" s="192"/>
      <c r="G6" s="192"/>
      <c r="H6" s="192"/>
      <c r="I6" s="192"/>
      <c r="J6" s="192"/>
      <c r="K6" s="192"/>
      <c r="M6" s="192"/>
      <c r="N6" s="192"/>
      <c r="O6" s="193"/>
    </row>
    <row r="7" spans="2:15" x14ac:dyDescent="0.15">
      <c r="B7" s="153" t="s">
        <v>70</v>
      </c>
      <c r="E7" s="192"/>
      <c r="F7" s="192"/>
      <c r="G7" s="192"/>
      <c r="H7" s="192"/>
      <c r="I7" s="192"/>
      <c r="J7" s="192"/>
      <c r="K7" s="192"/>
      <c r="M7" s="192"/>
      <c r="N7" s="192"/>
      <c r="O7" s="193"/>
    </row>
    <row r="8" spans="2:15" ht="7.5" customHeight="1" x14ac:dyDescent="0.15">
      <c r="B8" s="154"/>
      <c r="C8" s="155"/>
      <c r="D8" s="155"/>
      <c r="E8" s="251"/>
      <c r="F8" s="155"/>
      <c r="G8" s="155"/>
      <c r="H8" s="155"/>
      <c r="I8" s="155"/>
      <c r="J8" s="155"/>
      <c r="K8" s="155"/>
      <c r="L8" s="223"/>
      <c r="M8" s="155"/>
      <c r="N8" s="155"/>
      <c r="O8" s="252"/>
    </row>
    <row r="9" spans="2:15" ht="15.75" customHeight="1" x14ac:dyDescent="0.15">
      <c r="B9" s="158"/>
      <c r="E9" s="14" t="s">
        <v>147</v>
      </c>
      <c r="F9" s="326" t="s">
        <v>52</v>
      </c>
      <c r="G9" s="15"/>
      <c r="H9" s="16" t="s">
        <v>204</v>
      </c>
      <c r="I9" s="16"/>
      <c r="J9" s="253" t="s">
        <v>60</v>
      </c>
      <c r="K9" s="111"/>
      <c r="L9" s="111"/>
      <c r="M9" s="20" t="s">
        <v>134</v>
      </c>
      <c r="N9" s="21"/>
      <c r="O9" s="22"/>
    </row>
    <row r="10" spans="2:15" ht="14.25" customHeight="1" x14ac:dyDescent="0.15">
      <c r="B10" s="158"/>
      <c r="C10" s="153" t="s">
        <v>59</v>
      </c>
      <c r="D10" s="153" t="s">
        <v>389</v>
      </c>
      <c r="E10" s="23" t="s">
        <v>148</v>
      </c>
      <c r="F10" s="29" t="s">
        <v>149</v>
      </c>
      <c r="G10" s="23" t="s">
        <v>88</v>
      </c>
      <c r="H10" s="447" t="s">
        <v>457</v>
      </c>
      <c r="I10" s="24" t="s">
        <v>367</v>
      </c>
      <c r="J10" s="112" t="s">
        <v>150</v>
      </c>
      <c r="K10" s="112" t="s">
        <v>150</v>
      </c>
      <c r="L10" s="113" t="s">
        <v>88</v>
      </c>
      <c r="M10" s="27" t="s">
        <v>135</v>
      </c>
      <c r="N10" s="24" t="s">
        <v>45</v>
      </c>
      <c r="O10" s="28" t="s">
        <v>136</v>
      </c>
    </row>
    <row r="11" spans="2:15" ht="14.25" customHeight="1" x14ac:dyDescent="0.15">
      <c r="B11" s="158"/>
      <c r="C11" s="449"/>
      <c r="D11" s="264"/>
      <c r="E11" s="23"/>
      <c r="F11" s="29"/>
      <c r="G11" s="29" t="s">
        <v>366</v>
      </c>
      <c r="H11" s="30" t="s">
        <v>0</v>
      </c>
      <c r="I11" s="30" t="s">
        <v>205</v>
      </c>
      <c r="J11" s="114" t="s">
        <v>151</v>
      </c>
      <c r="K11" s="114" t="s">
        <v>152</v>
      </c>
      <c r="L11" s="24" t="s">
        <v>43</v>
      </c>
      <c r="M11" s="27" t="s">
        <v>369</v>
      </c>
      <c r="N11" s="33" t="s">
        <v>368</v>
      </c>
      <c r="O11" s="28"/>
    </row>
    <row r="12" spans="2:15" ht="7.5" customHeight="1" x14ac:dyDescent="0.15">
      <c r="B12" s="160"/>
      <c r="C12" s="195"/>
      <c r="D12" s="196"/>
      <c r="E12" s="37"/>
      <c r="F12" s="38"/>
      <c r="G12" s="37"/>
      <c r="H12" s="38"/>
      <c r="I12" s="39"/>
      <c r="J12" s="327"/>
      <c r="K12" s="327"/>
      <c r="L12" s="328"/>
      <c r="M12" s="40"/>
      <c r="N12" s="39"/>
      <c r="O12" s="163"/>
    </row>
    <row r="13" spans="2:15" ht="7.5" customHeight="1" x14ac:dyDescent="0.15">
      <c r="B13" s="154"/>
      <c r="C13" s="223"/>
      <c r="D13" s="223"/>
      <c r="E13" s="254"/>
      <c r="F13" s="155"/>
      <c r="G13" s="155"/>
      <c r="H13" s="155"/>
      <c r="I13" s="155"/>
      <c r="J13" s="155"/>
      <c r="K13" s="155"/>
      <c r="L13" s="223"/>
      <c r="M13" s="155"/>
      <c r="N13" s="155"/>
      <c r="O13" s="252"/>
    </row>
    <row r="14" spans="2:15" ht="14.25" customHeight="1" x14ac:dyDescent="0.15">
      <c r="B14" s="158"/>
      <c r="C14" s="153" t="s">
        <v>281</v>
      </c>
      <c r="D14" s="153" t="s">
        <v>65</v>
      </c>
      <c r="E14" s="198">
        <v>105</v>
      </c>
      <c r="F14" s="413">
        <v>84</v>
      </c>
      <c r="G14" s="139">
        <v>17</v>
      </c>
      <c r="H14" s="139">
        <v>17</v>
      </c>
      <c r="I14" s="139">
        <v>0</v>
      </c>
      <c r="J14" s="329" t="s">
        <v>1</v>
      </c>
      <c r="K14" s="329" t="s">
        <v>1</v>
      </c>
      <c r="L14" s="139">
        <v>17</v>
      </c>
      <c r="M14" s="139">
        <v>0</v>
      </c>
      <c r="N14" s="200">
        <v>1</v>
      </c>
      <c r="O14" s="201">
        <v>67</v>
      </c>
    </row>
    <row r="15" spans="2:15" ht="14.25" customHeight="1" x14ac:dyDescent="0.15">
      <c r="B15" s="158"/>
      <c r="C15" s="153" t="s">
        <v>54</v>
      </c>
      <c r="D15" s="153" t="s">
        <v>65</v>
      </c>
      <c r="E15" s="198">
        <v>70</v>
      </c>
      <c r="F15" s="413">
        <v>56</v>
      </c>
      <c r="G15" s="139">
        <v>23</v>
      </c>
      <c r="H15" s="139">
        <v>23</v>
      </c>
      <c r="I15" s="139">
        <v>0</v>
      </c>
      <c r="J15" s="329" t="s">
        <v>1</v>
      </c>
      <c r="K15" s="329" t="s">
        <v>1</v>
      </c>
      <c r="L15" s="139">
        <v>23</v>
      </c>
      <c r="M15" s="139">
        <v>0</v>
      </c>
      <c r="N15" s="200">
        <v>1</v>
      </c>
      <c r="O15" s="201">
        <v>33</v>
      </c>
    </row>
    <row r="16" spans="2:15" ht="14.25" customHeight="1" x14ac:dyDescent="0.15">
      <c r="B16" s="158"/>
      <c r="C16" s="153" t="s">
        <v>66</v>
      </c>
      <c r="D16" s="153" t="s">
        <v>65</v>
      </c>
      <c r="E16" s="198">
        <v>70</v>
      </c>
      <c r="F16" s="413">
        <v>56</v>
      </c>
      <c r="G16" s="139">
        <v>13</v>
      </c>
      <c r="H16" s="139">
        <v>13</v>
      </c>
      <c r="I16" s="139">
        <v>0</v>
      </c>
      <c r="J16" s="329" t="s">
        <v>1</v>
      </c>
      <c r="K16" s="329" t="s">
        <v>1</v>
      </c>
      <c r="L16" s="139">
        <v>13</v>
      </c>
      <c r="M16" s="139">
        <v>0</v>
      </c>
      <c r="N16" s="200">
        <v>1</v>
      </c>
      <c r="O16" s="201">
        <v>43</v>
      </c>
    </row>
    <row r="17" spans="2:15" ht="14.25" customHeight="1" x14ac:dyDescent="0.15">
      <c r="B17" s="158"/>
      <c r="C17" s="153" t="s">
        <v>231</v>
      </c>
      <c r="D17" s="153" t="s">
        <v>65</v>
      </c>
      <c r="E17" s="198">
        <v>70</v>
      </c>
      <c r="F17" s="413">
        <v>56</v>
      </c>
      <c r="G17" s="139">
        <v>12</v>
      </c>
      <c r="H17" s="139">
        <v>12</v>
      </c>
      <c r="I17" s="139">
        <v>0</v>
      </c>
      <c r="J17" s="329" t="s">
        <v>1</v>
      </c>
      <c r="K17" s="329" t="s">
        <v>1</v>
      </c>
      <c r="L17" s="139">
        <v>12</v>
      </c>
      <c r="M17" s="139">
        <v>0</v>
      </c>
      <c r="N17" s="200">
        <v>1</v>
      </c>
      <c r="O17" s="201">
        <v>44</v>
      </c>
    </row>
    <row r="18" spans="2:15" ht="14.25" customHeight="1" x14ac:dyDescent="0.15">
      <c r="B18" s="158"/>
      <c r="C18" s="153" t="s">
        <v>239</v>
      </c>
      <c r="D18" s="153" t="s">
        <v>65</v>
      </c>
      <c r="E18" s="198">
        <v>70</v>
      </c>
      <c r="F18" s="413">
        <v>56</v>
      </c>
      <c r="G18" s="139">
        <v>13</v>
      </c>
      <c r="H18" s="139">
        <v>12</v>
      </c>
      <c r="I18" s="139">
        <v>1</v>
      </c>
      <c r="J18" s="329" t="s">
        <v>1</v>
      </c>
      <c r="K18" s="329" t="s">
        <v>1</v>
      </c>
      <c r="L18" s="139">
        <v>13</v>
      </c>
      <c r="M18" s="139">
        <v>0</v>
      </c>
      <c r="N18" s="200">
        <v>1</v>
      </c>
      <c r="O18" s="201">
        <v>43</v>
      </c>
    </row>
    <row r="19" spans="2:15" ht="14.25" customHeight="1" x14ac:dyDescent="0.15">
      <c r="B19" s="158"/>
      <c r="C19" s="153" t="s">
        <v>14</v>
      </c>
      <c r="D19" s="153" t="s">
        <v>65</v>
      </c>
      <c r="E19" s="198">
        <v>70</v>
      </c>
      <c r="F19" s="413">
        <v>56</v>
      </c>
      <c r="G19" s="139">
        <v>11</v>
      </c>
      <c r="H19" s="139">
        <v>11</v>
      </c>
      <c r="I19" s="139">
        <v>0</v>
      </c>
      <c r="J19" s="329" t="s">
        <v>1</v>
      </c>
      <c r="K19" s="329" t="s">
        <v>1</v>
      </c>
      <c r="L19" s="139">
        <v>11</v>
      </c>
      <c r="M19" s="139">
        <v>0</v>
      </c>
      <c r="N19" s="200">
        <v>1</v>
      </c>
      <c r="O19" s="201">
        <v>45</v>
      </c>
    </row>
    <row r="20" spans="2:15" ht="14.25" customHeight="1" x14ac:dyDescent="0.15">
      <c r="B20" s="158"/>
      <c r="C20" s="153" t="s">
        <v>68</v>
      </c>
      <c r="D20" s="153" t="s">
        <v>65</v>
      </c>
      <c r="E20" s="198">
        <v>70</v>
      </c>
      <c r="F20" s="413">
        <v>56</v>
      </c>
      <c r="G20" s="139">
        <v>12</v>
      </c>
      <c r="H20" s="139">
        <v>11</v>
      </c>
      <c r="I20" s="139">
        <v>1</v>
      </c>
      <c r="J20" s="329" t="s">
        <v>1</v>
      </c>
      <c r="K20" s="329" t="s">
        <v>1</v>
      </c>
      <c r="L20" s="139">
        <v>12</v>
      </c>
      <c r="M20" s="139">
        <v>0</v>
      </c>
      <c r="N20" s="200">
        <v>1</v>
      </c>
      <c r="O20" s="201">
        <v>44</v>
      </c>
    </row>
    <row r="21" spans="2:15" ht="21.75" customHeight="1" x14ac:dyDescent="0.15">
      <c r="B21" s="158"/>
      <c r="C21" s="153" t="s">
        <v>282</v>
      </c>
      <c r="D21" s="153" t="s">
        <v>65</v>
      </c>
      <c r="E21" s="198">
        <v>140</v>
      </c>
      <c r="F21" s="413">
        <v>112</v>
      </c>
      <c r="G21" s="139">
        <v>21</v>
      </c>
      <c r="H21" s="139">
        <v>21</v>
      </c>
      <c r="I21" s="139">
        <v>0</v>
      </c>
      <c r="J21" s="329" t="s">
        <v>455</v>
      </c>
      <c r="K21" s="329" t="s">
        <v>455</v>
      </c>
      <c r="L21" s="139">
        <v>21</v>
      </c>
      <c r="M21" s="139">
        <v>0</v>
      </c>
      <c r="N21" s="200">
        <v>1</v>
      </c>
      <c r="O21" s="201">
        <v>91</v>
      </c>
    </row>
    <row r="22" spans="2:15" ht="13.5" customHeight="1" x14ac:dyDescent="0.15">
      <c r="B22" s="158"/>
      <c r="C22" s="153" t="s">
        <v>283</v>
      </c>
      <c r="D22" s="153" t="s">
        <v>321</v>
      </c>
      <c r="E22" s="198">
        <v>132</v>
      </c>
      <c r="F22" s="413">
        <v>132</v>
      </c>
      <c r="G22" s="139">
        <v>66</v>
      </c>
      <c r="H22" s="139">
        <v>65</v>
      </c>
      <c r="I22" s="139">
        <v>1</v>
      </c>
      <c r="J22" s="139">
        <v>62</v>
      </c>
      <c r="K22" s="139">
        <v>4</v>
      </c>
      <c r="L22" s="139">
        <v>66</v>
      </c>
      <c r="M22" s="139">
        <v>0</v>
      </c>
      <c r="N22" s="200">
        <v>1</v>
      </c>
      <c r="O22" s="201">
        <v>66</v>
      </c>
    </row>
    <row r="23" spans="2:15" ht="13.5" customHeight="1" x14ac:dyDescent="0.15">
      <c r="B23" s="158"/>
      <c r="C23" s="153" t="s">
        <v>284</v>
      </c>
      <c r="D23" s="153" t="s">
        <v>65</v>
      </c>
      <c r="E23" s="198">
        <v>70</v>
      </c>
      <c r="F23" s="413">
        <v>56</v>
      </c>
      <c r="G23" s="139">
        <v>23</v>
      </c>
      <c r="H23" s="139">
        <v>23</v>
      </c>
      <c r="I23" s="139">
        <v>0</v>
      </c>
      <c r="J23" s="139">
        <v>19</v>
      </c>
      <c r="K23" s="139">
        <v>4</v>
      </c>
      <c r="L23" s="139">
        <v>23</v>
      </c>
      <c r="M23" s="139">
        <v>0</v>
      </c>
      <c r="N23" s="200">
        <v>1</v>
      </c>
      <c r="O23" s="201">
        <v>33</v>
      </c>
    </row>
    <row r="24" spans="2:15" ht="14.25" customHeight="1" x14ac:dyDescent="0.15">
      <c r="B24" s="158"/>
      <c r="C24" s="153" t="s">
        <v>285</v>
      </c>
      <c r="D24" s="153" t="s">
        <v>65</v>
      </c>
      <c r="E24" s="198">
        <v>70</v>
      </c>
      <c r="F24" s="413">
        <v>56</v>
      </c>
      <c r="G24" s="139">
        <v>28</v>
      </c>
      <c r="H24" s="139">
        <v>28</v>
      </c>
      <c r="I24" s="139">
        <v>0</v>
      </c>
      <c r="J24" s="139">
        <v>26</v>
      </c>
      <c r="K24" s="139">
        <v>2</v>
      </c>
      <c r="L24" s="139">
        <v>28</v>
      </c>
      <c r="M24" s="139">
        <v>0</v>
      </c>
      <c r="N24" s="200">
        <v>1</v>
      </c>
      <c r="O24" s="201">
        <v>28</v>
      </c>
    </row>
    <row r="25" spans="2:15" ht="7.5" customHeight="1" x14ac:dyDescent="0.15">
      <c r="B25" s="158"/>
      <c r="C25" s="450"/>
      <c r="D25" s="450"/>
      <c r="E25" s="198"/>
      <c r="F25" s="192"/>
      <c r="G25" s="192"/>
      <c r="H25" s="192"/>
      <c r="I25" s="192"/>
      <c r="J25" s="192"/>
      <c r="K25" s="192"/>
      <c r="L25" s="139"/>
      <c r="M25" s="166"/>
      <c r="N25" s="213"/>
      <c r="O25" s="201"/>
    </row>
    <row r="26" spans="2:15" ht="7.5" customHeight="1" x14ac:dyDescent="0.15">
      <c r="B26" s="171"/>
      <c r="C26" s="332"/>
      <c r="D26" s="332"/>
      <c r="E26" s="173"/>
      <c r="F26" s="174"/>
      <c r="G26" s="174"/>
      <c r="H26" s="174"/>
      <c r="I26" s="174"/>
      <c r="J26" s="174"/>
      <c r="K26" s="174"/>
      <c r="L26" s="333"/>
      <c r="M26" s="226"/>
      <c r="N26" s="177"/>
      <c r="O26" s="334"/>
    </row>
    <row r="27" spans="2:15" s="202" customFormat="1" ht="14.25" customHeight="1" x14ac:dyDescent="0.15">
      <c r="B27" s="179"/>
      <c r="C27" s="480" t="s">
        <v>64</v>
      </c>
      <c r="D27" s="481"/>
      <c r="E27" s="181">
        <v>937</v>
      </c>
      <c r="F27" s="182">
        <v>776</v>
      </c>
      <c r="G27" s="182">
        <v>239</v>
      </c>
      <c r="H27" s="182">
        <v>236</v>
      </c>
      <c r="I27" s="182">
        <v>3</v>
      </c>
      <c r="J27" s="329" t="s">
        <v>2</v>
      </c>
      <c r="K27" s="329" t="s">
        <v>2</v>
      </c>
      <c r="L27" s="182">
        <v>239</v>
      </c>
      <c r="M27" s="182">
        <v>0</v>
      </c>
      <c r="N27" s="204">
        <v>1</v>
      </c>
      <c r="O27" s="390">
        <v>537</v>
      </c>
    </row>
    <row r="28" spans="2:15" ht="7.5" customHeight="1" x14ac:dyDescent="0.15">
      <c r="B28" s="160"/>
      <c r="C28" s="237"/>
      <c r="D28" s="237"/>
      <c r="E28" s="188"/>
      <c r="F28" s="189"/>
      <c r="G28" s="189"/>
      <c r="H28" s="189"/>
      <c r="I28" s="189"/>
      <c r="J28" s="189"/>
      <c r="K28" s="189"/>
      <c r="L28" s="335"/>
      <c r="M28" s="189"/>
      <c r="N28" s="189"/>
      <c r="O28" s="191"/>
    </row>
    <row r="29" spans="2:15" x14ac:dyDescent="0.15">
      <c r="D29" s="450"/>
      <c r="E29" s="192"/>
      <c r="F29" s="192"/>
      <c r="G29" s="192"/>
      <c r="H29" s="192"/>
      <c r="I29" s="192"/>
      <c r="J29" s="192"/>
      <c r="K29" s="192"/>
      <c r="L29" s="139"/>
      <c r="M29" s="192"/>
      <c r="N29" s="192"/>
      <c r="O29" s="193"/>
    </row>
    <row r="30" spans="2:15" x14ac:dyDescent="0.15">
      <c r="E30" s="192"/>
      <c r="F30" s="192"/>
      <c r="G30" s="192"/>
      <c r="H30" s="192"/>
      <c r="I30" s="192"/>
      <c r="J30" s="192"/>
      <c r="K30" s="192"/>
      <c r="M30" s="192"/>
      <c r="N30" s="192"/>
      <c r="O30" s="193"/>
    </row>
    <row r="31" spans="2:15" ht="14.25" customHeight="1" x14ac:dyDescent="0.15">
      <c r="E31" s="192"/>
      <c r="F31" s="192"/>
      <c r="G31" s="192"/>
      <c r="H31" s="192"/>
      <c r="I31" s="192"/>
      <c r="J31" s="192"/>
      <c r="K31" s="192"/>
      <c r="M31" s="192"/>
      <c r="N31" s="192"/>
      <c r="O31" s="193"/>
    </row>
    <row r="32" spans="2:15" x14ac:dyDescent="0.15">
      <c r="B32" s="153" t="s">
        <v>364</v>
      </c>
      <c r="E32" s="192"/>
      <c r="F32" s="192"/>
      <c r="G32" s="192"/>
      <c r="H32" s="192"/>
      <c r="I32" s="192"/>
      <c r="J32" s="192"/>
      <c r="K32" s="192"/>
      <c r="M32" s="192"/>
      <c r="N32" s="192"/>
      <c r="O32" s="193"/>
    </row>
    <row r="33" spans="2:15" ht="7.5" customHeight="1" x14ac:dyDescent="0.15">
      <c r="B33" s="154"/>
      <c r="C33" s="155"/>
      <c r="D33" s="155"/>
      <c r="E33" s="251"/>
      <c r="F33" s="155"/>
      <c r="G33" s="155"/>
      <c r="H33" s="155"/>
      <c r="I33" s="155"/>
      <c r="J33" s="155"/>
      <c r="K33" s="155"/>
      <c r="L33" s="223"/>
      <c r="M33" s="155"/>
      <c r="N33" s="155"/>
      <c r="O33" s="252"/>
    </row>
    <row r="34" spans="2:15" ht="15.75" customHeight="1" x14ac:dyDescent="0.15">
      <c r="B34" s="158"/>
      <c r="E34" s="14" t="s">
        <v>147</v>
      </c>
      <c r="F34" s="326" t="s">
        <v>52</v>
      </c>
      <c r="G34" s="15"/>
      <c r="H34" s="16" t="s">
        <v>204</v>
      </c>
      <c r="I34" s="16"/>
      <c r="J34" s="21" t="s">
        <v>52</v>
      </c>
      <c r="K34" s="113"/>
      <c r="L34" s="113"/>
      <c r="M34" s="20" t="s">
        <v>134</v>
      </c>
      <c r="N34" s="21"/>
      <c r="O34" s="22"/>
    </row>
    <row r="35" spans="2:15" ht="14.25" customHeight="1" x14ac:dyDescent="0.15">
      <c r="B35" s="158"/>
      <c r="C35" s="153" t="s">
        <v>59</v>
      </c>
      <c r="D35" s="153" t="s">
        <v>61</v>
      </c>
      <c r="E35" s="23" t="s">
        <v>148</v>
      </c>
      <c r="F35" s="29" t="s">
        <v>149</v>
      </c>
      <c r="G35" s="23" t="s">
        <v>88</v>
      </c>
      <c r="H35" s="447" t="s">
        <v>457</v>
      </c>
      <c r="I35" s="24" t="s">
        <v>367</v>
      </c>
      <c r="J35" s="25" t="s">
        <v>132</v>
      </c>
      <c r="K35" s="26"/>
      <c r="L35" s="26"/>
      <c r="M35" s="27" t="s">
        <v>135</v>
      </c>
      <c r="N35" s="24" t="s">
        <v>45</v>
      </c>
      <c r="O35" s="28" t="s">
        <v>136</v>
      </c>
    </row>
    <row r="36" spans="2:15" ht="14.25" customHeight="1" x14ac:dyDescent="0.15">
      <c r="B36" s="158"/>
      <c r="C36" s="449"/>
      <c r="D36" s="264"/>
      <c r="E36" s="23"/>
      <c r="F36" s="29"/>
      <c r="G36" s="29" t="s">
        <v>366</v>
      </c>
      <c r="H36" s="30" t="s">
        <v>0</v>
      </c>
      <c r="I36" s="30" t="s">
        <v>205</v>
      </c>
      <c r="J36" s="25" t="s">
        <v>133</v>
      </c>
      <c r="K36" s="31"/>
      <c r="L36" s="32"/>
      <c r="M36" s="27" t="s">
        <v>369</v>
      </c>
      <c r="N36" s="33" t="s">
        <v>368</v>
      </c>
      <c r="O36" s="28"/>
    </row>
    <row r="37" spans="2:15" ht="7.5" customHeight="1" x14ac:dyDescent="0.15">
      <c r="B37" s="160"/>
      <c r="C37" s="195"/>
      <c r="D37" s="196"/>
      <c r="E37" s="37"/>
      <c r="F37" s="38"/>
      <c r="G37" s="37"/>
      <c r="H37" s="38"/>
      <c r="I37" s="39"/>
      <c r="J37" s="336"/>
      <c r="K37" s="337"/>
      <c r="L37" s="338"/>
      <c r="M37" s="40"/>
      <c r="N37" s="39"/>
      <c r="O37" s="163"/>
    </row>
    <row r="38" spans="2:15" ht="7.5" customHeight="1" x14ac:dyDescent="0.15">
      <c r="B38" s="154"/>
      <c r="C38" s="449"/>
      <c r="D38" s="449"/>
      <c r="E38" s="254"/>
      <c r="L38" s="449"/>
      <c r="O38" s="256"/>
    </row>
    <row r="39" spans="2:15" ht="14.25" customHeight="1" x14ac:dyDescent="0.15">
      <c r="B39" s="158"/>
      <c r="C39" s="153" t="s">
        <v>69</v>
      </c>
      <c r="D39" s="153" t="s">
        <v>286</v>
      </c>
      <c r="E39" s="198">
        <v>70</v>
      </c>
      <c r="F39" s="413">
        <v>56</v>
      </c>
      <c r="G39" s="139">
        <v>11</v>
      </c>
      <c r="H39" s="139">
        <v>11</v>
      </c>
      <c r="I39" s="139">
        <v>0</v>
      </c>
      <c r="J39" s="329"/>
      <c r="K39" s="329"/>
      <c r="L39" s="139">
        <v>11</v>
      </c>
      <c r="M39" s="139">
        <v>0</v>
      </c>
      <c r="N39" s="200">
        <v>1</v>
      </c>
      <c r="O39" s="201">
        <v>45</v>
      </c>
    </row>
    <row r="40" spans="2:15" ht="14.25" customHeight="1" x14ac:dyDescent="0.15">
      <c r="B40" s="158"/>
      <c r="C40" s="153" t="s">
        <v>3</v>
      </c>
      <c r="D40" s="153" t="s">
        <v>287</v>
      </c>
      <c r="E40" s="198">
        <v>35</v>
      </c>
      <c r="F40" s="413">
        <v>28</v>
      </c>
      <c r="G40" s="139">
        <v>4</v>
      </c>
      <c r="H40" s="139">
        <v>4</v>
      </c>
      <c r="I40" s="139">
        <v>0</v>
      </c>
      <c r="J40" s="329"/>
      <c r="K40" s="329"/>
      <c r="L40" s="139">
        <v>4</v>
      </c>
      <c r="M40" s="139">
        <v>0</v>
      </c>
      <c r="N40" s="200">
        <v>1</v>
      </c>
      <c r="O40" s="201">
        <v>24</v>
      </c>
    </row>
    <row r="41" spans="2:15" ht="14.25" customHeight="1" x14ac:dyDescent="0.15">
      <c r="B41" s="158"/>
      <c r="C41" s="153" t="s">
        <v>34</v>
      </c>
      <c r="D41" s="153" t="s">
        <v>288</v>
      </c>
      <c r="E41" s="198">
        <v>35</v>
      </c>
      <c r="F41" s="413">
        <v>28</v>
      </c>
      <c r="G41" s="139">
        <v>2</v>
      </c>
      <c r="H41" s="139">
        <v>2</v>
      </c>
      <c r="I41" s="139">
        <v>0</v>
      </c>
      <c r="J41" s="329"/>
      <c r="K41" s="329"/>
      <c r="L41" s="139">
        <v>2</v>
      </c>
      <c r="M41" s="139">
        <v>0</v>
      </c>
      <c r="N41" s="200">
        <v>1</v>
      </c>
      <c r="O41" s="201">
        <v>26</v>
      </c>
    </row>
    <row r="42" spans="2:15" s="202" customFormat="1" ht="14.25" customHeight="1" x14ac:dyDescent="0.15">
      <c r="B42" s="179"/>
      <c r="D42" s="202" t="s">
        <v>289</v>
      </c>
      <c r="E42" s="181">
        <v>140</v>
      </c>
      <c r="F42" s="183">
        <v>112</v>
      </c>
      <c r="G42" s="183">
        <v>17</v>
      </c>
      <c r="H42" s="183">
        <v>17</v>
      </c>
      <c r="I42" s="183">
        <v>0</v>
      </c>
      <c r="J42" s="183"/>
      <c r="K42" s="183"/>
      <c r="L42" s="183">
        <v>17</v>
      </c>
      <c r="M42" s="183">
        <v>0</v>
      </c>
      <c r="N42" s="220">
        <v>1</v>
      </c>
      <c r="O42" s="331">
        <v>95</v>
      </c>
    </row>
    <row r="43" spans="2:15" ht="21.75" customHeight="1" x14ac:dyDescent="0.15">
      <c r="B43" s="158"/>
      <c r="C43" s="153" t="s">
        <v>290</v>
      </c>
      <c r="D43" s="153" t="s">
        <v>291</v>
      </c>
      <c r="E43" s="198">
        <v>35</v>
      </c>
      <c r="F43" s="139">
        <v>28</v>
      </c>
      <c r="G43" s="139">
        <v>9</v>
      </c>
      <c r="H43" s="139">
        <v>8</v>
      </c>
      <c r="I43" s="139">
        <v>1</v>
      </c>
      <c r="J43" s="329"/>
      <c r="K43" s="329"/>
      <c r="L43" s="139">
        <v>9</v>
      </c>
      <c r="M43" s="139">
        <v>0</v>
      </c>
      <c r="N43" s="200">
        <v>1</v>
      </c>
      <c r="O43" s="201">
        <v>19</v>
      </c>
    </row>
    <row r="44" spans="2:15" ht="21.75" customHeight="1" x14ac:dyDescent="0.15">
      <c r="B44" s="158"/>
      <c r="C44" s="153" t="s">
        <v>292</v>
      </c>
      <c r="D44" s="153" t="s">
        <v>322</v>
      </c>
      <c r="E44" s="198">
        <v>35</v>
      </c>
      <c r="F44" s="139">
        <v>28</v>
      </c>
      <c r="G44" s="139">
        <v>8</v>
      </c>
      <c r="H44" s="139">
        <v>8</v>
      </c>
      <c r="I44" s="139">
        <v>0</v>
      </c>
      <c r="J44" s="329"/>
      <c r="K44" s="329"/>
      <c r="L44" s="139">
        <v>8</v>
      </c>
      <c r="M44" s="139">
        <v>0</v>
      </c>
      <c r="N44" s="200">
        <v>1</v>
      </c>
      <c r="O44" s="201">
        <v>20</v>
      </c>
    </row>
    <row r="45" spans="2:15" ht="7.5" customHeight="1" x14ac:dyDescent="0.15">
      <c r="B45" s="158"/>
      <c r="C45" s="450"/>
      <c r="D45" s="450"/>
      <c r="E45" s="198"/>
      <c r="F45" s="192"/>
      <c r="G45" s="192"/>
      <c r="H45" s="192"/>
      <c r="I45" s="192"/>
      <c r="J45" s="192"/>
      <c r="K45" s="192"/>
      <c r="L45" s="139"/>
      <c r="M45" s="194"/>
      <c r="N45" s="193"/>
      <c r="O45" s="238"/>
    </row>
    <row r="46" spans="2:15" ht="7.5" customHeight="1" x14ac:dyDescent="0.15">
      <c r="B46" s="171"/>
      <c r="C46" s="332"/>
      <c r="D46" s="332"/>
      <c r="E46" s="173"/>
      <c r="F46" s="174"/>
      <c r="G46" s="174"/>
      <c r="H46" s="174"/>
      <c r="I46" s="174"/>
      <c r="J46" s="174"/>
      <c r="K46" s="174"/>
      <c r="L46" s="333"/>
      <c r="M46" s="176"/>
      <c r="N46" s="239"/>
      <c r="O46" s="240"/>
    </row>
    <row r="47" spans="2:15" s="202" customFormat="1" x14ac:dyDescent="0.15">
      <c r="B47" s="179"/>
      <c r="C47" s="480" t="s">
        <v>64</v>
      </c>
      <c r="D47" s="481"/>
      <c r="E47" s="181">
        <v>210</v>
      </c>
      <c r="F47" s="182">
        <v>168</v>
      </c>
      <c r="G47" s="182">
        <v>34</v>
      </c>
      <c r="H47" s="182">
        <v>33</v>
      </c>
      <c r="I47" s="182">
        <v>1</v>
      </c>
      <c r="J47" s="182"/>
      <c r="K47" s="182"/>
      <c r="L47" s="182">
        <v>34</v>
      </c>
      <c r="M47" s="182">
        <v>0</v>
      </c>
      <c r="N47" s="220">
        <v>1</v>
      </c>
      <c r="O47" s="221">
        <v>134</v>
      </c>
    </row>
    <row r="48" spans="2:15" ht="7.5" customHeight="1" x14ac:dyDescent="0.15">
      <c r="B48" s="160"/>
      <c r="C48" s="237"/>
      <c r="D48" s="237"/>
      <c r="E48" s="188"/>
      <c r="F48" s="189"/>
      <c r="G48" s="189"/>
      <c r="H48" s="189"/>
      <c r="I48" s="189"/>
      <c r="J48" s="189"/>
      <c r="K48" s="189"/>
      <c r="L48" s="335"/>
      <c r="M48" s="189"/>
      <c r="N48" s="189"/>
      <c r="O48" s="191"/>
    </row>
    <row r="49" spans="2:15" ht="12.6" customHeight="1" x14ac:dyDescent="0.15">
      <c r="B49" s="408"/>
      <c r="C49" s="450"/>
      <c r="D49" s="450"/>
      <c r="E49" s="192"/>
      <c r="F49" s="192"/>
      <c r="G49" s="192"/>
      <c r="H49" s="192"/>
      <c r="I49" s="192"/>
      <c r="J49" s="192"/>
      <c r="K49" s="192"/>
      <c r="L49" s="139"/>
      <c r="M49" s="192"/>
      <c r="N49" s="192"/>
      <c r="O49" s="193"/>
    </row>
    <row r="50" spans="2:15" x14ac:dyDescent="0.15">
      <c r="B50" s="152"/>
      <c r="E50" s="192"/>
      <c r="F50" s="192"/>
      <c r="G50" s="192"/>
      <c r="H50" s="192"/>
      <c r="I50" s="192"/>
      <c r="J50" s="192"/>
      <c r="K50" s="192"/>
      <c r="M50" s="192"/>
      <c r="N50" s="192"/>
      <c r="O50" s="193"/>
    </row>
    <row r="51" spans="2:15" ht="7.5" customHeight="1" x14ac:dyDescent="0.15">
      <c r="E51" s="192"/>
      <c r="F51" s="192"/>
      <c r="G51" s="192"/>
      <c r="H51" s="192"/>
      <c r="I51" s="192"/>
      <c r="J51" s="192"/>
      <c r="K51" s="192"/>
      <c r="M51" s="192"/>
      <c r="N51" s="192"/>
      <c r="O51" s="193"/>
    </row>
    <row r="52" spans="2:15" x14ac:dyDescent="0.15">
      <c r="B52" s="153" t="s">
        <v>365</v>
      </c>
      <c r="E52" s="192"/>
      <c r="F52" s="192"/>
      <c r="G52" s="192"/>
      <c r="H52" s="192"/>
      <c r="I52" s="192"/>
      <c r="J52" s="192"/>
      <c r="K52" s="192"/>
      <c r="M52" s="192"/>
      <c r="N52" s="192"/>
      <c r="O52" s="193"/>
    </row>
    <row r="53" spans="2:15" ht="7.5" customHeight="1" x14ac:dyDescent="0.15">
      <c r="B53" s="154"/>
      <c r="C53" s="155"/>
      <c r="D53" s="155"/>
      <c r="E53" s="251"/>
      <c r="F53" s="155"/>
      <c r="G53" s="155"/>
      <c r="H53" s="155"/>
      <c r="I53" s="155"/>
      <c r="J53" s="155"/>
      <c r="K53" s="155"/>
      <c r="L53" s="223"/>
      <c r="M53" s="155"/>
      <c r="N53" s="155"/>
      <c r="O53" s="252"/>
    </row>
    <row r="54" spans="2:15" ht="15.75" customHeight="1" x14ac:dyDescent="0.15">
      <c r="B54" s="158"/>
      <c r="E54" s="14" t="s">
        <v>147</v>
      </c>
      <c r="F54" s="326" t="s">
        <v>52</v>
      </c>
      <c r="G54" s="15"/>
      <c r="H54" s="16" t="s">
        <v>204</v>
      </c>
      <c r="I54" s="16"/>
      <c r="J54" s="21" t="s">
        <v>52</v>
      </c>
      <c r="K54" s="113"/>
      <c r="L54" s="113"/>
      <c r="M54" s="20" t="s">
        <v>134</v>
      </c>
      <c r="N54" s="21"/>
      <c r="O54" s="22"/>
    </row>
    <row r="55" spans="2:15" ht="14.25" customHeight="1" x14ac:dyDescent="0.15">
      <c r="B55" s="158"/>
      <c r="C55" s="153" t="s">
        <v>59</v>
      </c>
      <c r="D55" s="153" t="s">
        <v>61</v>
      </c>
      <c r="E55" s="23" t="s">
        <v>148</v>
      </c>
      <c r="F55" s="29" t="s">
        <v>149</v>
      </c>
      <c r="G55" s="23" t="s">
        <v>88</v>
      </c>
      <c r="H55" s="447" t="s">
        <v>457</v>
      </c>
      <c r="I55" s="24" t="s">
        <v>367</v>
      </c>
      <c r="J55" s="25" t="s">
        <v>132</v>
      </c>
      <c r="K55" s="26"/>
      <c r="L55" s="26"/>
      <c r="M55" s="27" t="s">
        <v>135</v>
      </c>
      <c r="N55" s="24" t="s">
        <v>45</v>
      </c>
      <c r="O55" s="28" t="s">
        <v>136</v>
      </c>
    </row>
    <row r="56" spans="2:15" ht="14.25" customHeight="1" x14ac:dyDescent="0.15">
      <c r="B56" s="158"/>
      <c r="C56" s="449"/>
      <c r="D56" s="264"/>
      <c r="E56" s="23"/>
      <c r="F56" s="29"/>
      <c r="G56" s="29" t="s">
        <v>366</v>
      </c>
      <c r="H56" s="30" t="s">
        <v>0</v>
      </c>
      <c r="I56" s="30" t="s">
        <v>205</v>
      </c>
      <c r="J56" s="25" t="s">
        <v>133</v>
      </c>
      <c r="K56" s="31"/>
      <c r="L56" s="32"/>
      <c r="M56" s="27" t="s">
        <v>369</v>
      </c>
      <c r="N56" s="33" t="s">
        <v>368</v>
      </c>
      <c r="O56" s="28"/>
    </row>
    <row r="57" spans="2:15" ht="7.5" customHeight="1" x14ac:dyDescent="0.15">
      <c r="B57" s="160"/>
      <c r="C57" s="195"/>
      <c r="D57" s="196"/>
      <c r="E57" s="37"/>
      <c r="F57" s="38"/>
      <c r="G57" s="37"/>
      <c r="H57" s="38"/>
      <c r="I57" s="39"/>
      <c r="J57" s="336"/>
      <c r="K57" s="337"/>
      <c r="L57" s="338"/>
      <c r="M57" s="40"/>
      <c r="N57" s="39"/>
      <c r="O57" s="163"/>
    </row>
    <row r="58" spans="2:15" ht="7.5" customHeight="1" x14ac:dyDescent="0.15">
      <c r="B58" s="154"/>
      <c r="C58" s="449"/>
      <c r="D58" s="449"/>
      <c r="E58" s="254"/>
      <c r="L58" s="449"/>
      <c r="O58" s="256"/>
    </row>
    <row r="59" spans="2:15" x14ac:dyDescent="0.15">
      <c r="B59" s="158"/>
      <c r="C59" s="153" t="s">
        <v>292</v>
      </c>
      <c r="D59" s="153" t="s">
        <v>293</v>
      </c>
      <c r="E59" s="198">
        <v>35</v>
      </c>
      <c r="F59" s="413">
        <v>28</v>
      </c>
      <c r="G59" s="139">
        <v>4</v>
      </c>
      <c r="H59" s="139">
        <v>4</v>
      </c>
      <c r="I59" s="139">
        <v>0</v>
      </c>
      <c r="J59" s="139"/>
      <c r="K59" s="139"/>
      <c r="L59" s="167">
        <v>4</v>
      </c>
      <c r="M59" s="139">
        <v>0</v>
      </c>
      <c r="N59" s="218">
        <v>1</v>
      </c>
      <c r="O59" s="201">
        <v>24</v>
      </c>
    </row>
    <row r="60" spans="2:15" ht="7.5" customHeight="1" x14ac:dyDescent="0.15">
      <c r="B60" s="160"/>
      <c r="C60" s="237"/>
      <c r="D60" s="237"/>
      <c r="E60" s="188"/>
      <c r="F60" s="189"/>
      <c r="G60" s="189"/>
      <c r="H60" s="189"/>
      <c r="I60" s="189"/>
      <c r="J60" s="189"/>
      <c r="K60" s="189"/>
      <c r="L60" s="335"/>
      <c r="M60" s="189"/>
      <c r="N60" s="189"/>
      <c r="O60" s="191"/>
    </row>
    <row r="61" spans="2:15" x14ac:dyDescent="0.15">
      <c r="E61" s="192"/>
      <c r="F61" s="192"/>
      <c r="G61" s="192"/>
      <c r="H61" s="192"/>
      <c r="I61" s="192"/>
      <c r="J61" s="192"/>
      <c r="K61" s="192"/>
      <c r="M61" s="192"/>
      <c r="N61" s="192"/>
      <c r="O61" s="193"/>
    </row>
    <row r="62" spans="2:15" x14ac:dyDescent="0.15">
      <c r="E62" s="192"/>
      <c r="F62" s="192"/>
      <c r="G62" s="192"/>
      <c r="H62" s="192"/>
      <c r="I62" s="192"/>
      <c r="J62" s="192"/>
      <c r="K62" s="192"/>
      <c r="M62" s="192"/>
      <c r="N62" s="192"/>
      <c r="O62" s="193"/>
    </row>
    <row r="63" spans="2:15" x14ac:dyDescent="0.15">
      <c r="B63" s="153" t="s">
        <v>171</v>
      </c>
      <c r="E63" s="192"/>
      <c r="F63" s="192"/>
      <c r="G63" s="192"/>
      <c r="H63" s="192"/>
      <c r="I63" s="192"/>
      <c r="J63" s="192"/>
      <c r="K63" s="192"/>
      <c r="M63" s="192"/>
      <c r="N63" s="192"/>
      <c r="O63" s="193"/>
    </row>
    <row r="64" spans="2:15" ht="7.5" customHeight="1" x14ac:dyDescent="0.15">
      <c r="B64" s="154"/>
      <c r="C64" s="155"/>
      <c r="D64" s="155"/>
      <c r="E64" s="251"/>
      <c r="F64" s="155"/>
      <c r="G64" s="155"/>
      <c r="H64" s="155"/>
      <c r="I64" s="155"/>
      <c r="J64" s="155"/>
      <c r="K64" s="155"/>
      <c r="L64" s="223"/>
      <c r="M64" s="155"/>
      <c r="N64" s="155"/>
      <c r="O64" s="252"/>
    </row>
    <row r="65" spans="2:17" ht="15.75" customHeight="1" x14ac:dyDescent="0.15">
      <c r="B65" s="158"/>
      <c r="E65" s="14" t="s">
        <v>147</v>
      </c>
      <c r="F65" s="326" t="s">
        <v>52</v>
      </c>
      <c r="G65" s="15"/>
      <c r="H65" s="16" t="s">
        <v>204</v>
      </c>
      <c r="I65" s="16"/>
      <c r="J65" s="21" t="s">
        <v>52</v>
      </c>
      <c r="K65" s="113"/>
      <c r="L65" s="113"/>
      <c r="M65" s="20" t="s">
        <v>134</v>
      </c>
      <c r="N65" s="21"/>
      <c r="O65" s="22"/>
    </row>
    <row r="66" spans="2:17" ht="14.25" customHeight="1" x14ac:dyDescent="0.15">
      <c r="B66" s="158"/>
      <c r="C66" s="153" t="s">
        <v>59</v>
      </c>
      <c r="D66" s="153" t="s">
        <v>258</v>
      </c>
      <c r="E66" s="23" t="s">
        <v>148</v>
      </c>
      <c r="F66" s="29" t="s">
        <v>149</v>
      </c>
      <c r="G66" s="23" t="s">
        <v>88</v>
      </c>
      <c r="H66" s="447" t="s">
        <v>457</v>
      </c>
      <c r="I66" s="24" t="s">
        <v>367</v>
      </c>
      <c r="J66" s="25" t="s">
        <v>132</v>
      </c>
      <c r="K66" s="26"/>
      <c r="L66" s="26"/>
      <c r="M66" s="27" t="s">
        <v>135</v>
      </c>
      <c r="N66" s="24" t="s">
        <v>45</v>
      </c>
      <c r="O66" s="28" t="s">
        <v>136</v>
      </c>
    </row>
    <row r="67" spans="2:17" ht="14.25" customHeight="1" x14ac:dyDescent="0.15">
      <c r="B67" s="158"/>
      <c r="C67" s="449"/>
      <c r="D67" s="264"/>
      <c r="E67" s="23"/>
      <c r="F67" s="29"/>
      <c r="G67" s="29" t="s">
        <v>366</v>
      </c>
      <c r="H67" s="30" t="s">
        <v>0</v>
      </c>
      <c r="I67" s="30" t="s">
        <v>205</v>
      </c>
      <c r="J67" s="25" t="s">
        <v>133</v>
      </c>
      <c r="K67" s="31"/>
      <c r="L67" s="32"/>
      <c r="M67" s="27" t="s">
        <v>369</v>
      </c>
      <c r="N67" s="33" t="s">
        <v>368</v>
      </c>
      <c r="O67" s="28"/>
    </row>
    <row r="68" spans="2:17" ht="7.5" customHeight="1" x14ac:dyDescent="0.15">
      <c r="B68" s="160"/>
      <c r="C68" s="195"/>
      <c r="D68" s="196"/>
      <c r="E68" s="37"/>
      <c r="F68" s="38"/>
      <c r="G68" s="37"/>
      <c r="H68" s="38"/>
      <c r="I68" s="39"/>
      <c r="J68" s="336"/>
      <c r="K68" s="337"/>
      <c r="L68" s="338"/>
      <c r="M68" s="40"/>
      <c r="N68" s="39"/>
      <c r="O68" s="163"/>
    </row>
    <row r="69" spans="2:17" ht="7.5" customHeight="1" x14ac:dyDescent="0.15">
      <c r="B69" s="154"/>
      <c r="C69" s="449"/>
      <c r="D69" s="449"/>
      <c r="E69" s="254"/>
      <c r="L69" s="449"/>
      <c r="O69" s="256"/>
    </row>
    <row r="70" spans="2:17" x14ac:dyDescent="0.15">
      <c r="B70" s="158"/>
      <c r="C70" s="153" t="s">
        <v>323</v>
      </c>
      <c r="D70" s="153" t="s">
        <v>324</v>
      </c>
      <c r="E70" s="266">
        <v>133</v>
      </c>
      <c r="F70" s="169">
        <v>133</v>
      </c>
      <c r="G70" s="139">
        <v>98</v>
      </c>
      <c r="H70" s="139">
        <v>97</v>
      </c>
      <c r="I70" s="139">
        <v>1</v>
      </c>
      <c r="J70" s="169"/>
      <c r="K70" s="169"/>
      <c r="L70" s="192">
        <v>97</v>
      </c>
      <c r="M70" s="192">
        <v>1</v>
      </c>
      <c r="N70" s="193">
        <v>1</v>
      </c>
      <c r="O70" s="238">
        <v>36</v>
      </c>
    </row>
    <row r="71" spans="2:17" x14ac:dyDescent="0.15">
      <c r="B71" s="158"/>
      <c r="C71" s="325" t="s">
        <v>3</v>
      </c>
      <c r="D71" s="153" t="s">
        <v>325</v>
      </c>
      <c r="E71" s="266">
        <v>133</v>
      </c>
      <c r="F71" s="169">
        <v>133</v>
      </c>
      <c r="G71" s="139">
        <v>40</v>
      </c>
      <c r="H71" s="139">
        <v>40</v>
      </c>
      <c r="I71" s="139">
        <v>0</v>
      </c>
      <c r="J71" s="169"/>
      <c r="K71" s="169"/>
      <c r="L71" s="192">
        <v>39</v>
      </c>
      <c r="M71" s="192">
        <v>1</v>
      </c>
      <c r="N71" s="193">
        <v>1</v>
      </c>
      <c r="O71" s="238">
        <v>94</v>
      </c>
    </row>
    <row r="72" spans="2:17" x14ac:dyDescent="0.15">
      <c r="B72" s="158"/>
      <c r="C72" s="449"/>
      <c r="D72" s="202" t="s">
        <v>289</v>
      </c>
      <c r="E72" s="339">
        <v>266</v>
      </c>
      <c r="F72" s="330">
        <v>266</v>
      </c>
      <c r="G72" s="330">
        <v>138</v>
      </c>
      <c r="H72" s="330">
        <v>137</v>
      </c>
      <c r="I72" s="330">
        <v>1</v>
      </c>
      <c r="J72" s="330"/>
      <c r="K72" s="330"/>
      <c r="L72" s="330">
        <v>136</v>
      </c>
      <c r="M72" s="330">
        <v>2</v>
      </c>
      <c r="N72" s="245">
        <v>1</v>
      </c>
      <c r="O72" s="186">
        <v>130</v>
      </c>
    </row>
    <row r="73" spans="2:17" ht="21.75" customHeight="1" x14ac:dyDescent="0.15">
      <c r="B73" s="158"/>
      <c r="C73" s="153" t="s">
        <v>63</v>
      </c>
      <c r="D73" s="153" t="s">
        <v>70</v>
      </c>
      <c r="E73" s="198">
        <v>70</v>
      </c>
      <c r="F73" s="413">
        <v>70</v>
      </c>
      <c r="G73" s="139">
        <v>72</v>
      </c>
      <c r="H73" s="139">
        <v>71</v>
      </c>
      <c r="I73" s="139">
        <v>1</v>
      </c>
      <c r="J73" s="169"/>
      <c r="K73" s="169"/>
      <c r="L73" s="192">
        <v>72</v>
      </c>
      <c r="M73" s="192">
        <v>0</v>
      </c>
      <c r="N73" s="193">
        <v>1</v>
      </c>
      <c r="O73" s="238">
        <v>0</v>
      </c>
    </row>
    <row r="74" spans="2:17" ht="14.1" customHeight="1" x14ac:dyDescent="0.15">
      <c r="B74" s="158"/>
      <c r="C74" s="153" t="s">
        <v>294</v>
      </c>
      <c r="D74" s="153" t="s">
        <v>70</v>
      </c>
      <c r="E74" s="198">
        <v>70</v>
      </c>
      <c r="F74" s="413">
        <v>56</v>
      </c>
      <c r="G74" s="139">
        <v>36</v>
      </c>
      <c r="H74" s="139">
        <v>36</v>
      </c>
      <c r="I74" s="139">
        <v>0</v>
      </c>
      <c r="J74" s="169"/>
      <c r="K74" s="169"/>
      <c r="L74" s="192">
        <v>36</v>
      </c>
      <c r="M74" s="192">
        <v>0</v>
      </c>
      <c r="N74" s="193">
        <v>1</v>
      </c>
      <c r="O74" s="238">
        <v>20</v>
      </c>
    </row>
    <row r="75" spans="2:17" ht="14.1" customHeight="1" x14ac:dyDescent="0.15">
      <c r="B75" s="158"/>
      <c r="C75" s="153" t="s">
        <v>399</v>
      </c>
      <c r="D75" s="153" t="s">
        <v>400</v>
      </c>
      <c r="E75" s="198">
        <v>70</v>
      </c>
      <c r="F75" s="413">
        <v>56</v>
      </c>
      <c r="G75" s="139">
        <v>15</v>
      </c>
      <c r="H75" s="139">
        <v>15</v>
      </c>
      <c r="I75" s="139">
        <v>0</v>
      </c>
      <c r="J75" s="169"/>
      <c r="K75" s="169"/>
      <c r="L75" s="192">
        <v>15</v>
      </c>
      <c r="M75" s="192">
        <v>0</v>
      </c>
      <c r="N75" s="193">
        <v>1</v>
      </c>
      <c r="O75" s="238">
        <v>41</v>
      </c>
    </row>
    <row r="76" spans="2:17" ht="14.1" customHeight="1" x14ac:dyDescent="0.15">
      <c r="B76" s="158"/>
      <c r="C76" s="153" t="s">
        <v>295</v>
      </c>
      <c r="D76" s="153" t="s">
        <v>70</v>
      </c>
      <c r="E76" s="198">
        <v>70</v>
      </c>
      <c r="F76" s="413">
        <v>56</v>
      </c>
      <c r="G76" s="139">
        <v>16</v>
      </c>
      <c r="H76" s="139">
        <v>16</v>
      </c>
      <c r="I76" s="139">
        <v>0</v>
      </c>
      <c r="J76" s="169"/>
      <c r="K76" s="169"/>
      <c r="L76" s="192">
        <v>16</v>
      </c>
      <c r="M76" s="192">
        <v>0</v>
      </c>
      <c r="N76" s="193">
        <v>1</v>
      </c>
      <c r="O76" s="238">
        <v>40</v>
      </c>
    </row>
    <row r="77" spans="2:17" ht="14.1" customHeight="1" x14ac:dyDescent="0.15">
      <c r="B77" s="158"/>
      <c r="C77" s="153" t="s">
        <v>296</v>
      </c>
      <c r="D77" s="153" t="s">
        <v>70</v>
      </c>
      <c r="E77" s="198">
        <v>105</v>
      </c>
      <c r="F77" s="413">
        <v>105</v>
      </c>
      <c r="G77" s="139">
        <v>45</v>
      </c>
      <c r="H77" s="139">
        <v>45</v>
      </c>
      <c r="I77" s="139">
        <v>0</v>
      </c>
      <c r="J77" s="169"/>
      <c r="K77" s="169"/>
      <c r="L77" s="192">
        <v>45</v>
      </c>
      <c r="M77" s="192">
        <v>0</v>
      </c>
      <c r="N77" s="193">
        <v>1</v>
      </c>
      <c r="O77" s="238">
        <v>60</v>
      </c>
    </row>
    <row r="78" spans="2:17" s="325" customFormat="1" ht="13.5" customHeight="1" x14ac:dyDescent="0.15">
      <c r="B78" s="340"/>
      <c r="C78" s="325" t="s">
        <v>297</v>
      </c>
      <c r="D78" s="325" t="s">
        <v>298</v>
      </c>
      <c r="E78" s="198">
        <v>130</v>
      </c>
      <c r="F78" s="413">
        <v>130</v>
      </c>
      <c r="G78" s="139">
        <v>149</v>
      </c>
      <c r="H78" s="139">
        <v>145</v>
      </c>
      <c r="I78" s="139">
        <v>4</v>
      </c>
      <c r="J78" s="169"/>
      <c r="K78" s="169"/>
      <c r="L78" s="192">
        <v>133</v>
      </c>
      <c r="M78" s="192">
        <v>0</v>
      </c>
      <c r="N78" s="193">
        <v>1.1200000000000001</v>
      </c>
      <c r="O78" s="238">
        <v>0</v>
      </c>
      <c r="P78" s="449"/>
      <c r="Q78" s="166"/>
    </row>
    <row r="79" spans="2:17" s="325" customFormat="1" x14ac:dyDescent="0.15">
      <c r="B79" s="340"/>
      <c r="C79" s="325" t="s">
        <v>308</v>
      </c>
      <c r="D79" s="325" t="s">
        <v>299</v>
      </c>
      <c r="E79" s="198">
        <v>130</v>
      </c>
      <c r="F79" s="413">
        <v>130</v>
      </c>
      <c r="G79" s="139">
        <v>124</v>
      </c>
      <c r="H79" s="139">
        <v>124</v>
      </c>
      <c r="I79" s="139">
        <v>0</v>
      </c>
      <c r="J79" s="169"/>
      <c r="K79" s="169"/>
      <c r="L79" s="192">
        <v>130</v>
      </c>
      <c r="M79" s="192">
        <v>0</v>
      </c>
      <c r="N79" s="193">
        <v>0.95</v>
      </c>
      <c r="O79" s="238">
        <v>0</v>
      </c>
      <c r="P79" s="449"/>
      <c r="Q79" s="166"/>
    </row>
    <row r="80" spans="2:17" s="325" customFormat="1" x14ac:dyDescent="0.15">
      <c r="B80" s="340"/>
      <c r="D80" s="202" t="s">
        <v>289</v>
      </c>
      <c r="E80" s="339">
        <v>260</v>
      </c>
      <c r="F80" s="330">
        <v>260</v>
      </c>
      <c r="G80" s="330">
        <v>273</v>
      </c>
      <c r="H80" s="330">
        <v>269</v>
      </c>
      <c r="I80" s="330">
        <v>4</v>
      </c>
      <c r="J80" s="330"/>
      <c r="K80" s="330"/>
      <c r="L80" s="330">
        <v>263</v>
      </c>
      <c r="M80" s="330">
        <v>0</v>
      </c>
      <c r="N80" s="245">
        <v>1.04</v>
      </c>
      <c r="O80" s="186">
        <v>0</v>
      </c>
      <c r="P80" s="449"/>
      <c r="Q80" s="166"/>
    </row>
    <row r="81" spans="2:15" ht="7.5" customHeight="1" x14ac:dyDescent="0.15">
      <c r="B81" s="158"/>
      <c r="C81" s="450"/>
      <c r="D81" s="450"/>
      <c r="E81" s="198"/>
      <c r="F81" s="192"/>
      <c r="G81" s="192"/>
      <c r="H81" s="192"/>
      <c r="I81" s="192"/>
      <c r="J81" s="192"/>
      <c r="K81" s="192"/>
      <c r="L81" s="139"/>
      <c r="M81" s="194"/>
      <c r="N81" s="193"/>
      <c r="O81" s="272"/>
    </row>
    <row r="82" spans="2:15" ht="7.5" customHeight="1" x14ac:dyDescent="0.15">
      <c r="B82" s="171"/>
      <c r="C82" s="332"/>
      <c r="D82" s="332"/>
      <c r="E82" s="173"/>
      <c r="F82" s="174"/>
      <c r="G82" s="174"/>
      <c r="H82" s="174"/>
      <c r="I82" s="174"/>
      <c r="J82" s="174"/>
      <c r="K82" s="174"/>
      <c r="L82" s="333"/>
      <c r="M82" s="176"/>
      <c r="N82" s="239"/>
      <c r="O82" s="178"/>
    </row>
    <row r="83" spans="2:15" s="202" customFormat="1" x14ac:dyDescent="0.15">
      <c r="B83" s="179"/>
      <c r="C83" s="480" t="s">
        <v>64</v>
      </c>
      <c r="D83" s="481"/>
      <c r="E83" s="181">
        <v>911</v>
      </c>
      <c r="F83" s="182">
        <v>869</v>
      </c>
      <c r="G83" s="182">
        <v>595</v>
      </c>
      <c r="H83" s="182">
        <v>589</v>
      </c>
      <c r="I83" s="182">
        <v>6</v>
      </c>
      <c r="J83" s="182"/>
      <c r="K83" s="182"/>
      <c r="L83" s="182">
        <v>583</v>
      </c>
      <c r="M83" s="182">
        <v>2</v>
      </c>
      <c r="N83" s="245">
        <v>1.02</v>
      </c>
      <c r="O83" s="186">
        <v>291</v>
      </c>
    </row>
    <row r="84" spans="2:15" ht="7.5" customHeight="1" x14ac:dyDescent="0.15">
      <c r="B84" s="160"/>
      <c r="C84" s="237"/>
      <c r="D84" s="237"/>
      <c r="E84" s="188"/>
      <c r="F84" s="189"/>
      <c r="G84" s="189"/>
      <c r="H84" s="189"/>
      <c r="I84" s="189"/>
      <c r="J84" s="189"/>
      <c r="K84" s="189"/>
      <c r="L84" s="335"/>
      <c r="M84" s="189"/>
      <c r="N84" s="189"/>
      <c r="O84" s="191"/>
    </row>
    <row r="85" spans="2:15" ht="13.5" customHeight="1" x14ac:dyDescent="0.15">
      <c r="B85" s="301" t="s">
        <v>444</v>
      </c>
      <c r="D85" s="449"/>
      <c r="E85" s="192"/>
      <c r="F85" s="192"/>
      <c r="G85" s="192"/>
      <c r="H85" s="192"/>
      <c r="I85" s="192"/>
      <c r="J85" s="192"/>
      <c r="K85" s="192"/>
      <c r="L85" s="192"/>
      <c r="M85" s="192"/>
      <c r="N85" s="192"/>
      <c r="O85" s="193"/>
    </row>
    <row r="86" spans="2:15" ht="12.95" customHeight="1" x14ac:dyDescent="0.15">
      <c r="E86" s="192"/>
      <c r="F86" s="192"/>
      <c r="G86" s="192"/>
      <c r="H86" s="192"/>
      <c r="I86" s="192"/>
      <c r="J86" s="192"/>
      <c r="K86" s="192"/>
      <c r="M86" s="192"/>
      <c r="N86" s="192"/>
      <c r="O86" s="193"/>
    </row>
    <row r="87" spans="2:15" x14ac:dyDescent="0.15">
      <c r="B87" s="153" t="s">
        <v>172</v>
      </c>
      <c r="E87" s="192"/>
      <c r="F87" s="192"/>
      <c r="G87" s="192"/>
      <c r="H87" s="192"/>
      <c r="I87" s="192"/>
      <c r="J87" s="192"/>
      <c r="K87" s="192"/>
      <c r="M87" s="192"/>
      <c r="N87" s="192"/>
      <c r="O87" s="193"/>
    </row>
    <row r="88" spans="2:15" ht="7.5" customHeight="1" x14ac:dyDescent="0.15">
      <c r="B88" s="154"/>
      <c r="C88" s="155"/>
      <c r="D88" s="155"/>
      <c r="E88" s="251"/>
      <c r="F88" s="155"/>
      <c r="G88" s="155"/>
      <c r="H88" s="155"/>
      <c r="I88" s="155"/>
      <c r="J88" s="155"/>
      <c r="K88" s="155"/>
      <c r="L88" s="223"/>
      <c r="M88" s="155"/>
      <c r="N88" s="155"/>
      <c r="O88" s="252"/>
    </row>
    <row r="89" spans="2:15" ht="15.75" customHeight="1" x14ac:dyDescent="0.15">
      <c r="B89" s="158"/>
      <c r="E89" s="14" t="s">
        <v>147</v>
      </c>
      <c r="F89" s="326" t="s">
        <v>52</v>
      </c>
      <c r="G89" s="15"/>
      <c r="H89" s="16" t="s">
        <v>204</v>
      </c>
      <c r="I89" s="16"/>
      <c r="J89" s="253" t="s">
        <v>60</v>
      </c>
      <c r="K89" s="111"/>
      <c r="L89" s="111"/>
      <c r="M89" s="20" t="s">
        <v>134</v>
      </c>
      <c r="N89" s="21"/>
      <c r="O89" s="22"/>
    </row>
    <row r="90" spans="2:15" ht="14.25" customHeight="1" x14ac:dyDescent="0.15">
      <c r="B90" s="158"/>
      <c r="C90" s="153" t="s">
        <v>59</v>
      </c>
      <c r="D90" s="153" t="s">
        <v>258</v>
      </c>
      <c r="E90" s="23" t="s">
        <v>148</v>
      </c>
      <c r="F90" s="29" t="s">
        <v>149</v>
      </c>
      <c r="G90" s="23" t="s">
        <v>88</v>
      </c>
      <c r="H90" s="447" t="s">
        <v>457</v>
      </c>
      <c r="I90" s="24" t="s">
        <v>367</v>
      </c>
      <c r="J90" s="112" t="s">
        <v>150</v>
      </c>
      <c r="K90" s="112" t="s">
        <v>150</v>
      </c>
      <c r="L90" s="113" t="s">
        <v>88</v>
      </c>
      <c r="M90" s="27" t="s">
        <v>135</v>
      </c>
      <c r="N90" s="24" t="s">
        <v>45</v>
      </c>
      <c r="O90" s="28" t="s">
        <v>136</v>
      </c>
    </row>
    <row r="91" spans="2:15" ht="14.25" customHeight="1" x14ac:dyDescent="0.15">
      <c r="B91" s="158"/>
      <c r="C91" s="449"/>
      <c r="D91" s="449"/>
      <c r="E91" s="23"/>
      <c r="F91" s="29"/>
      <c r="G91" s="29" t="s">
        <v>366</v>
      </c>
      <c r="H91" s="30" t="s">
        <v>0</v>
      </c>
      <c r="I91" s="30" t="s">
        <v>205</v>
      </c>
      <c r="J91" s="114" t="s">
        <v>151</v>
      </c>
      <c r="K91" s="114" t="s">
        <v>152</v>
      </c>
      <c r="L91" s="24" t="s">
        <v>43</v>
      </c>
      <c r="M91" s="27" t="s">
        <v>369</v>
      </c>
      <c r="N91" s="33" t="s">
        <v>368</v>
      </c>
      <c r="O91" s="28"/>
    </row>
    <row r="92" spans="2:15" ht="7.5" customHeight="1" x14ac:dyDescent="0.15">
      <c r="B92" s="160"/>
      <c r="C92" s="195"/>
      <c r="D92" s="195"/>
      <c r="E92" s="37"/>
      <c r="F92" s="38"/>
      <c r="G92" s="37"/>
      <c r="H92" s="38"/>
      <c r="I92" s="39"/>
      <c r="J92" s="327"/>
      <c r="K92" s="327"/>
      <c r="L92" s="328"/>
      <c r="M92" s="40"/>
      <c r="N92" s="39"/>
      <c r="O92" s="163"/>
    </row>
    <row r="93" spans="2:15" ht="7.5" customHeight="1" x14ac:dyDescent="0.15">
      <c r="B93" s="154"/>
      <c r="C93" s="449"/>
      <c r="D93" s="449"/>
      <c r="E93" s="254"/>
      <c r="L93" s="449"/>
      <c r="O93" s="256"/>
    </row>
    <row r="94" spans="2:15" ht="14.25" customHeight="1" x14ac:dyDescent="0.15">
      <c r="B94" s="158"/>
      <c r="C94" s="153" t="s">
        <v>300</v>
      </c>
      <c r="D94" s="153" t="s">
        <v>301</v>
      </c>
      <c r="E94" s="198">
        <v>70</v>
      </c>
      <c r="F94" s="413">
        <v>56</v>
      </c>
      <c r="G94" s="139">
        <v>4</v>
      </c>
      <c r="H94" s="139">
        <v>4</v>
      </c>
      <c r="I94" s="139">
        <v>0</v>
      </c>
      <c r="J94" s="329" t="s">
        <v>1</v>
      </c>
      <c r="K94" s="329" t="s">
        <v>1</v>
      </c>
      <c r="L94" s="192">
        <v>4</v>
      </c>
      <c r="M94" s="192">
        <v>0</v>
      </c>
      <c r="N94" s="193">
        <v>1</v>
      </c>
      <c r="O94" s="238">
        <v>52</v>
      </c>
    </row>
    <row r="95" spans="2:15" ht="14.25" customHeight="1" x14ac:dyDescent="0.15">
      <c r="B95" s="158"/>
      <c r="C95" s="153" t="s">
        <v>302</v>
      </c>
      <c r="D95" s="153" t="s">
        <v>301</v>
      </c>
      <c r="E95" s="198">
        <v>70</v>
      </c>
      <c r="F95" s="413">
        <v>56</v>
      </c>
      <c r="G95" s="139">
        <v>8</v>
      </c>
      <c r="H95" s="139">
        <v>8</v>
      </c>
      <c r="I95" s="139">
        <v>0</v>
      </c>
      <c r="J95" s="329" t="s">
        <v>1</v>
      </c>
      <c r="K95" s="329" t="s">
        <v>1</v>
      </c>
      <c r="L95" s="192">
        <v>8</v>
      </c>
      <c r="M95" s="192">
        <v>0</v>
      </c>
      <c r="N95" s="193">
        <v>1</v>
      </c>
      <c r="O95" s="238">
        <v>48</v>
      </c>
    </row>
    <row r="96" spans="2:15" ht="13.35" customHeight="1" x14ac:dyDescent="0.15">
      <c r="B96" s="158"/>
      <c r="C96" s="153" t="s">
        <v>273</v>
      </c>
      <c r="D96" s="153" t="s">
        <v>301</v>
      </c>
      <c r="E96" s="198">
        <v>70</v>
      </c>
      <c r="F96" s="413">
        <v>56</v>
      </c>
      <c r="G96" s="139">
        <v>3</v>
      </c>
      <c r="H96" s="139">
        <v>3</v>
      </c>
      <c r="I96" s="139">
        <v>0</v>
      </c>
      <c r="J96" s="329" t="s">
        <v>1</v>
      </c>
      <c r="K96" s="329" t="s">
        <v>1</v>
      </c>
      <c r="L96" s="192">
        <v>3</v>
      </c>
      <c r="M96" s="192">
        <v>0</v>
      </c>
      <c r="N96" s="193">
        <v>1</v>
      </c>
      <c r="O96" s="238">
        <v>53</v>
      </c>
    </row>
    <row r="97" spans="1:15" ht="13.35" customHeight="1" x14ac:dyDescent="0.15">
      <c r="B97" s="158"/>
      <c r="C97" s="153" t="s">
        <v>4</v>
      </c>
      <c r="D97" s="153" t="s">
        <v>301</v>
      </c>
      <c r="E97" s="198">
        <v>105</v>
      </c>
      <c r="F97" s="413">
        <v>84</v>
      </c>
      <c r="G97" s="139">
        <v>35</v>
      </c>
      <c r="H97" s="139">
        <v>35</v>
      </c>
      <c r="I97" s="139">
        <v>0</v>
      </c>
      <c r="J97" s="329" t="s">
        <v>1</v>
      </c>
      <c r="K97" s="329" t="s">
        <v>1</v>
      </c>
      <c r="L97" s="192">
        <v>35</v>
      </c>
      <c r="M97" s="192">
        <v>0</v>
      </c>
      <c r="N97" s="193">
        <v>1</v>
      </c>
      <c r="O97" s="238">
        <v>49</v>
      </c>
    </row>
    <row r="98" spans="1:15" ht="21.75" customHeight="1" x14ac:dyDescent="0.15">
      <c r="B98" s="158"/>
      <c r="C98" s="153" t="s">
        <v>259</v>
      </c>
      <c r="D98" s="153" t="s">
        <v>260</v>
      </c>
      <c r="E98" s="198">
        <v>144</v>
      </c>
      <c r="F98" s="413">
        <v>144</v>
      </c>
      <c r="G98" s="139">
        <v>165</v>
      </c>
      <c r="H98" s="139">
        <v>165</v>
      </c>
      <c r="I98" s="139">
        <v>0</v>
      </c>
      <c r="J98" s="167">
        <v>136</v>
      </c>
      <c r="K98" s="167">
        <v>8</v>
      </c>
      <c r="L98" s="167">
        <v>144</v>
      </c>
      <c r="M98" s="167">
        <v>0</v>
      </c>
      <c r="N98" s="218">
        <v>1.1499999999999999</v>
      </c>
      <c r="O98" s="201">
        <v>0</v>
      </c>
    </row>
    <row r="99" spans="1:15" x14ac:dyDescent="0.15">
      <c r="B99" s="158" t="s">
        <v>263</v>
      </c>
      <c r="C99" s="153" t="s">
        <v>264</v>
      </c>
      <c r="D99" s="153" t="s">
        <v>261</v>
      </c>
      <c r="E99" s="198">
        <v>98</v>
      </c>
      <c r="F99" s="413">
        <v>98</v>
      </c>
      <c r="G99" s="139">
        <v>101</v>
      </c>
      <c r="H99" s="139">
        <v>100</v>
      </c>
      <c r="I99" s="139">
        <v>1</v>
      </c>
      <c r="J99" s="167">
        <v>91</v>
      </c>
      <c r="K99" s="167">
        <v>7</v>
      </c>
      <c r="L99" s="167">
        <v>98</v>
      </c>
      <c r="M99" s="167">
        <v>0</v>
      </c>
      <c r="N99" s="218">
        <v>1.03</v>
      </c>
      <c r="O99" s="201">
        <v>0</v>
      </c>
    </row>
    <row r="100" spans="1:15" x14ac:dyDescent="0.15">
      <c r="B100" s="158"/>
      <c r="C100" s="153" t="s">
        <v>275</v>
      </c>
      <c r="D100" s="153" t="s">
        <v>262</v>
      </c>
      <c r="E100" s="198">
        <v>108</v>
      </c>
      <c r="F100" s="413">
        <v>108</v>
      </c>
      <c r="G100" s="139">
        <v>39</v>
      </c>
      <c r="H100" s="139">
        <v>39</v>
      </c>
      <c r="I100" s="139">
        <v>0</v>
      </c>
      <c r="J100" s="167">
        <v>55</v>
      </c>
      <c r="K100" s="167">
        <v>1</v>
      </c>
      <c r="L100" s="167">
        <v>56</v>
      </c>
      <c r="M100" s="167">
        <v>0</v>
      </c>
      <c r="N100" s="218">
        <v>0.7</v>
      </c>
      <c r="O100" s="201">
        <v>52</v>
      </c>
    </row>
    <row r="101" spans="1:15" x14ac:dyDescent="0.15">
      <c r="B101" s="158"/>
      <c r="D101" s="202" t="s">
        <v>289</v>
      </c>
      <c r="E101" s="181">
        <v>350</v>
      </c>
      <c r="F101" s="330">
        <v>350</v>
      </c>
      <c r="G101" s="330">
        <v>305</v>
      </c>
      <c r="H101" s="330">
        <v>304</v>
      </c>
      <c r="I101" s="330">
        <v>1</v>
      </c>
      <c r="J101" s="330">
        <v>282</v>
      </c>
      <c r="K101" s="330">
        <v>16</v>
      </c>
      <c r="L101" s="330">
        <v>298</v>
      </c>
      <c r="M101" s="330">
        <v>0</v>
      </c>
      <c r="N101" s="245">
        <v>1.02</v>
      </c>
      <c r="O101" s="331">
        <v>52</v>
      </c>
    </row>
    <row r="102" spans="1:15" ht="21.75" customHeight="1" x14ac:dyDescent="0.15">
      <c r="B102" s="158"/>
      <c r="C102" s="153" t="s">
        <v>303</v>
      </c>
      <c r="D102" s="153" t="s">
        <v>249</v>
      </c>
      <c r="E102" s="198">
        <v>70</v>
      </c>
      <c r="F102" s="413">
        <v>56</v>
      </c>
      <c r="G102" s="139">
        <v>50</v>
      </c>
      <c r="H102" s="139">
        <v>49</v>
      </c>
      <c r="I102" s="139">
        <v>1</v>
      </c>
      <c r="J102" s="329" t="s">
        <v>1</v>
      </c>
      <c r="K102" s="329" t="s">
        <v>1</v>
      </c>
      <c r="L102" s="167">
        <v>50</v>
      </c>
      <c r="M102" s="167">
        <v>0</v>
      </c>
      <c r="N102" s="218">
        <v>1</v>
      </c>
      <c r="O102" s="201">
        <v>6</v>
      </c>
    </row>
    <row r="103" spans="1:15" ht="7.5" customHeight="1" x14ac:dyDescent="0.15">
      <c r="B103" s="158"/>
      <c r="C103" s="450"/>
      <c r="D103" s="450"/>
      <c r="E103" s="198"/>
      <c r="F103" s="192"/>
      <c r="G103" s="192"/>
      <c r="H103" s="192"/>
      <c r="I103" s="192"/>
      <c r="J103" s="192"/>
      <c r="K103" s="192"/>
      <c r="L103" s="139"/>
      <c r="M103" s="194"/>
      <c r="N103" s="193"/>
      <c r="O103" s="238"/>
    </row>
    <row r="104" spans="1:15" ht="7.5" customHeight="1" x14ac:dyDescent="0.15">
      <c r="B104" s="171"/>
      <c r="C104" s="332"/>
      <c r="D104" s="332"/>
      <c r="E104" s="173"/>
      <c r="F104" s="174"/>
      <c r="G104" s="174"/>
      <c r="H104" s="174"/>
      <c r="I104" s="174"/>
      <c r="J104" s="174"/>
      <c r="K104" s="174"/>
      <c r="L104" s="333"/>
      <c r="M104" s="176"/>
      <c r="N104" s="239"/>
      <c r="O104" s="240"/>
    </row>
    <row r="105" spans="1:15" s="202" customFormat="1" x14ac:dyDescent="0.15">
      <c r="B105" s="179"/>
      <c r="C105" s="480" t="s">
        <v>64</v>
      </c>
      <c r="D105" s="481"/>
      <c r="E105" s="181">
        <v>735</v>
      </c>
      <c r="F105" s="182">
        <v>658</v>
      </c>
      <c r="G105" s="182">
        <v>405</v>
      </c>
      <c r="H105" s="182">
        <v>403</v>
      </c>
      <c r="I105" s="182">
        <v>2</v>
      </c>
      <c r="J105" s="329" t="s">
        <v>2</v>
      </c>
      <c r="K105" s="329" t="s">
        <v>2</v>
      </c>
      <c r="L105" s="182">
        <v>398</v>
      </c>
      <c r="M105" s="182">
        <v>0</v>
      </c>
      <c r="N105" s="245">
        <v>1.02</v>
      </c>
      <c r="O105" s="391">
        <v>260</v>
      </c>
    </row>
    <row r="106" spans="1:15" ht="7.5" customHeight="1" x14ac:dyDescent="0.15">
      <c r="B106" s="160"/>
      <c r="C106" s="237"/>
      <c r="D106" s="237"/>
      <c r="E106" s="188"/>
      <c r="F106" s="189"/>
      <c r="G106" s="189"/>
      <c r="H106" s="189"/>
      <c r="I106" s="189"/>
      <c r="J106" s="189"/>
      <c r="K106" s="189"/>
      <c r="L106" s="335"/>
      <c r="M106" s="189"/>
      <c r="N106" s="189"/>
      <c r="O106" s="191"/>
    </row>
    <row r="107" spans="1:15" x14ac:dyDescent="0.15">
      <c r="B107" s="301" t="s">
        <v>445</v>
      </c>
    </row>
    <row r="108" spans="1:15" x14ac:dyDescent="0.15">
      <c r="A108" s="217"/>
      <c r="B108" s="217"/>
      <c r="D108" s="263"/>
      <c r="E108" s="263"/>
      <c r="F108" s="263"/>
      <c r="G108" s="263"/>
      <c r="H108" s="263"/>
      <c r="I108" s="263"/>
      <c r="J108" s="263"/>
      <c r="K108" s="263"/>
      <c r="L108" s="263"/>
      <c r="M108" s="229"/>
      <c r="N108" s="229"/>
    </row>
    <row r="110" spans="1:15" x14ac:dyDescent="0.15">
      <c r="B110" s="341" t="s">
        <v>304</v>
      </c>
      <c r="C110" s="341"/>
      <c r="D110" s="341"/>
    </row>
    <row r="111" spans="1:15" x14ac:dyDescent="0.15">
      <c r="B111" s="341" t="s">
        <v>305</v>
      </c>
      <c r="C111" s="341"/>
      <c r="D111" s="341"/>
    </row>
    <row r="112" spans="1:15" ht="7.5" customHeight="1" x14ac:dyDescent="0.15">
      <c r="B112" s="342"/>
      <c r="C112" s="343"/>
      <c r="D112" s="343"/>
      <c r="E112" s="251"/>
      <c r="F112" s="155"/>
      <c r="G112" s="155"/>
      <c r="H112" s="155"/>
      <c r="I112" s="155"/>
      <c r="J112" s="155"/>
      <c r="K112" s="155"/>
      <c r="L112" s="223"/>
      <c r="M112" s="155"/>
      <c r="N112" s="155"/>
      <c r="O112" s="252"/>
    </row>
    <row r="113" spans="2:15" x14ac:dyDescent="0.15">
      <c r="B113" s="344"/>
      <c r="C113" s="341"/>
      <c r="D113" s="341"/>
      <c r="E113" s="14" t="s">
        <v>147</v>
      </c>
      <c r="F113" s="326" t="s">
        <v>52</v>
      </c>
      <c r="G113" s="15"/>
      <c r="H113" s="16" t="s">
        <v>204</v>
      </c>
      <c r="I113" s="16"/>
      <c r="J113" s="21" t="s">
        <v>52</v>
      </c>
      <c r="K113" s="113"/>
      <c r="L113" s="113"/>
      <c r="M113" s="20" t="s">
        <v>134</v>
      </c>
      <c r="N113" s="21"/>
      <c r="O113" s="22"/>
    </row>
    <row r="114" spans="2:15" x14ac:dyDescent="0.15">
      <c r="B114" s="158"/>
      <c r="C114" s="153" t="s">
        <v>59</v>
      </c>
      <c r="D114" s="153" t="s">
        <v>61</v>
      </c>
      <c r="E114" s="23" t="s">
        <v>148</v>
      </c>
      <c r="F114" s="29" t="s">
        <v>149</v>
      </c>
      <c r="G114" s="23" t="s">
        <v>88</v>
      </c>
      <c r="H114" s="447" t="s">
        <v>457</v>
      </c>
      <c r="I114" s="24" t="s">
        <v>367</v>
      </c>
      <c r="J114" s="25" t="s">
        <v>132</v>
      </c>
      <c r="K114" s="26"/>
      <c r="L114" s="26"/>
      <c r="M114" s="27" t="s">
        <v>135</v>
      </c>
      <c r="N114" s="24" t="s">
        <v>45</v>
      </c>
      <c r="O114" s="28" t="s">
        <v>136</v>
      </c>
    </row>
    <row r="115" spans="2:15" x14ac:dyDescent="0.15">
      <c r="B115" s="344"/>
      <c r="C115" s="345"/>
      <c r="D115" s="346"/>
      <c r="E115" s="23"/>
      <c r="F115" s="29"/>
      <c r="G115" s="29" t="s">
        <v>366</v>
      </c>
      <c r="H115" s="30" t="s">
        <v>0</v>
      </c>
      <c r="I115" s="30" t="s">
        <v>205</v>
      </c>
      <c r="J115" s="25" t="s">
        <v>133</v>
      </c>
      <c r="K115" s="31"/>
      <c r="L115" s="32"/>
      <c r="M115" s="27" t="s">
        <v>369</v>
      </c>
      <c r="N115" s="33" t="s">
        <v>368</v>
      </c>
      <c r="O115" s="28"/>
    </row>
    <row r="116" spans="2:15" ht="6.75" customHeight="1" x14ac:dyDescent="0.15">
      <c r="B116" s="347"/>
      <c r="C116" s="348"/>
      <c r="D116" s="349"/>
      <c r="E116" s="37"/>
      <c r="F116" s="38"/>
      <c r="G116" s="37"/>
      <c r="H116" s="38"/>
      <c r="I116" s="39"/>
      <c r="J116" s="336"/>
      <c r="K116" s="337"/>
      <c r="L116" s="338"/>
      <c r="M116" s="40"/>
      <c r="N116" s="39"/>
      <c r="O116" s="163"/>
    </row>
    <row r="117" spans="2:15" ht="6.75" customHeight="1" x14ac:dyDescent="0.15">
      <c r="B117" s="342"/>
      <c r="C117" s="350"/>
      <c r="D117" s="350"/>
      <c r="E117" s="254"/>
      <c r="L117" s="449"/>
      <c r="O117" s="256"/>
    </row>
    <row r="118" spans="2:15" ht="14.1" customHeight="1" x14ac:dyDescent="0.15">
      <c r="B118" s="344"/>
      <c r="C118" s="341" t="s">
        <v>306</v>
      </c>
      <c r="D118" s="341" t="s">
        <v>65</v>
      </c>
      <c r="E118" s="198">
        <v>1250</v>
      </c>
      <c r="F118" s="351">
        <v>1000</v>
      </c>
      <c r="G118" s="139">
        <v>377</v>
      </c>
      <c r="H118" s="139">
        <v>377</v>
      </c>
      <c r="I118" s="144" t="s">
        <v>84</v>
      </c>
      <c r="J118" s="139"/>
      <c r="K118" s="139"/>
      <c r="L118" s="167">
        <v>375</v>
      </c>
      <c r="M118" s="167">
        <v>2</v>
      </c>
      <c r="N118" s="218">
        <v>1</v>
      </c>
      <c r="O118" s="201">
        <v>625</v>
      </c>
    </row>
    <row r="119" spans="2:15" ht="14.1" customHeight="1" x14ac:dyDescent="0.15">
      <c r="B119" s="344"/>
      <c r="C119" s="341" t="s">
        <v>307</v>
      </c>
      <c r="D119" s="341" t="s">
        <v>65</v>
      </c>
      <c r="E119" s="198">
        <v>270</v>
      </c>
      <c r="F119" s="139">
        <v>216</v>
      </c>
      <c r="G119" s="139">
        <v>153</v>
      </c>
      <c r="H119" s="139">
        <v>153</v>
      </c>
      <c r="I119" s="144" t="s">
        <v>84</v>
      </c>
      <c r="J119" s="139"/>
      <c r="K119" s="139"/>
      <c r="L119" s="167">
        <v>153</v>
      </c>
      <c r="M119" s="167">
        <v>0</v>
      </c>
      <c r="N119" s="218">
        <v>1</v>
      </c>
      <c r="O119" s="201">
        <v>63</v>
      </c>
    </row>
    <row r="120" spans="2:15" ht="9.75" customHeight="1" x14ac:dyDescent="0.15">
      <c r="B120" s="344"/>
      <c r="C120" s="352"/>
      <c r="D120" s="352"/>
      <c r="E120" s="198"/>
      <c r="F120" s="192"/>
      <c r="G120" s="192"/>
      <c r="H120" s="192"/>
      <c r="I120" s="192"/>
      <c r="J120" s="192"/>
      <c r="K120" s="192"/>
      <c r="L120" s="139"/>
      <c r="M120" s="194"/>
      <c r="N120" s="193"/>
      <c r="O120" s="238"/>
    </row>
    <row r="121" spans="2:15" ht="7.5" customHeight="1" x14ac:dyDescent="0.15">
      <c r="B121" s="353"/>
      <c r="C121" s="354"/>
      <c r="D121" s="355"/>
      <c r="E121" s="173"/>
      <c r="F121" s="174"/>
      <c r="G121" s="174"/>
      <c r="H121" s="174"/>
      <c r="I121" s="174"/>
      <c r="J121" s="174"/>
      <c r="K121" s="174"/>
      <c r="L121" s="333"/>
      <c r="M121" s="176"/>
      <c r="N121" s="239"/>
      <c r="O121" s="240"/>
    </row>
    <row r="122" spans="2:15" x14ac:dyDescent="0.15">
      <c r="B122" s="344"/>
      <c r="C122" s="352" t="s">
        <v>64</v>
      </c>
      <c r="D122" s="352"/>
      <c r="E122" s="181">
        <v>1520</v>
      </c>
      <c r="F122" s="182">
        <v>1216</v>
      </c>
      <c r="G122" s="182">
        <v>530</v>
      </c>
      <c r="H122" s="182">
        <v>530</v>
      </c>
      <c r="I122" s="144" t="s">
        <v>84</v>
      </c>
      <c r="J122" s="182"/>
      <c r="K122" s="182"/>
      <c r="L122" s="182">
        <v>528</v>
      </c>
      <c r="M122" s="182">
        <v>2</v>
      </c>
      <c r="N122" s="245">
        <v>1</v>
      </c>
      <c r="O122" s="186">
        <v>688</v>
      </c>
    </row>
    <row r="123" spans="2:15" ht="7.5" customHeight="1" x14ac:dyDescent="0.15">
      <c r="B123" s="347"/>
      <c r="C123" s="356"/>
      <c r="D123" s="356"/>
      <c r="E123" s="188"/>
      <c r="F123" s="189"/>
      <c r="G123" s="189"/>
      <c r="H123" s="189"/>
      <c r="I123" s="189"/>
      <c r="J123" s="189"/>
      <c r="K123" s="189"/>
      <c r="L123" s="335"/>
      <c r="M123" s="189"/>
      <c r="N123" s="189"/>
      <c r="O123" s="191"/>
    </row>
    <row r="124" spans="2:15" ht="13.5" customHeight="1" x14ac:dyDescent="0.15">
      <c r="B124" s="464" t="s">
        <v>454</v>
      </c>
      <c r="C124" s="341"/>
      <c r="D124" s="341"/>
    </row>
    <row r="125" spans="2:15" x14ac:dyDescent="0.15">
      <c r="D125" s="341"/>
    </row>
    <row r="126" spans="2:15" x14ac:dyDescent="0.15">
      <c r="D126" s="341"/>
    </row>
  </sheetData>
  <mergeCells count="4">
    <mergeCell ref="C105:D105"/>
    <mergeCell ref="C27:D27"/>
    <mergeCell ref="C47:D47"/>
    <mergeCell ref="C83:D83"/>
  </mergeCells>
  <phoneticPr fontId="2"/>
  <conditionalFormatting sqref="P78:Q80">
    <cfRule type="cellIs" dxfId="0" priority="3" stopIfTrue="1" operator="equal">
      <formula>"警告!"</formula>
    </cfRule>
  </conditionalFormatting>
  <printOptions horizontalCentered="1"/>
  <pageMargins left="0.78740157480314965" right="0.78740157480314965" top="0.78740157480314965" bottom="0.59055118110236227" header="0.51181102362204722" footer="0.39370078740157483"/>
  <pageSetup paperSize="9" scale="68" firstPageNumber="11" fitToHeight="0" orientation="portrait" blackAndWhite="1" useFirstPageNumber="1" r:id="rId1"/>
  <headerFooter alignWithMargins="0">
    <oddFooter>&amp;C&amp;P</oddFooter>
  </headerFooter>
  <rowBreaks count="1" manualBreakCount="1">
    <brk id="61" max="15"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pageSetUpPr fitToPage="1"/>
  </sheetPr>
  <dimension ref="A1:M143"/>
  <sheetViews>
    <sheetView zoomScale="85" zoomScaleNormal="85" workbookViewId="0"/>
  </sheetViews>
  <sheetFormatPr defaultColWidth="9" defaultRowHeight="13.5" x14ac:dyDescent="0.15"/>
  <cols>
    <col min="1" max="2" width="1.5" style="153" customWidth="1"/>
    <col min="3" max="3" width="17.125" style="153" bestFit="1" customWidth="1"/>
    <col min="4" max="4" width="28.125" style="153" bestFit="1" customWidth="1"/>
    <col min="5" max="5" width="10.125" style="153" bestFit="1" customWidth="1"/>
    <col min="6" max="6" width="9" style="153" customWidth="1"/>
    <col min="7" max="7" width="9" style="153"/>
    <col min="8" max="8" width="7.125" style="153" bestFit="1" customWidth="1"/>
    <col min="9" max="10" width="9" style="153" bestFit="1" customWidth="1"/>
    <col min="11" max="11" width="9.875" style="153" bestFit="1" customWidth="1"/>
    <col min="12" max="12" width="5.5" style="153" customWidth="1"/>
    <col min="13" max="16384" width="9" style="153"/>
  </cols>
  <sheetData>
    <row r="1" spans="1:12" s="46" customFormat="1" ht="14.25" x14ac:dyDescent="0.15">
      <c r="A1" s="5" t="s">
        <v>381</v>
      </c>
      <c r="C1" s="323"/>
      <c r="E1" s="49"/>
      <c r="F1" s="49"/>
      <c r="L1" s="322"/>
    </row>
    <row r="2" spans="1:12" s="46" customFormat="1" ht="12" customHeight="1" x14ac:dyDescent="0.2">
      <c r="A2" s="357"/>
      <c r="C2" s="323"/>
      <c r="E2" s="49"/>
      <c r="F2" s="49"/>
      <c r="L2" s="322"/>
    </row>
    <row r="3" spans="1:12" ht="14.25" customHeight="1" x14ac:dyDescent="0.15">
      <c r="B3" s="153" t="s">
        <v>158</v>
      </c>
      <c r="E3" s="192"/>
      <c r="F3" s="192"/>
      <c r="L3" s="193"/>
    </row>
    <row r="4" spans="1:12" ht="7.5" customHeight="1" x14ac:dyDescent="0.15">
      <c r="B4" s="154"/>
      <c r="C4" s="155"/>
      <c r="D4" s="155"/>
      <c r="E4" s="251"/>
      <c r="F4" s="251"/>
      <c r="G4" s="223"/>
      <c r="H4" s="223"/>
      <c r="I4" s="223"/>
      <c r="J4" s="223"/>
      <c r="K4" s="223"/>
      <c r="L4" s="252"/>
    </row>
    <row r="5" spans="1:12" ht="15.75" customHeight="1" x14ac:dyDescent="0.15">
      <c r="B5" s="158"/>
      <c r="E5" s="14"/>
      <c r="F5" s="15"/>
      <c r="G5" s="16" t="s">
        <v>204</v>
      </c>
      <c r="H5" s="16"/>
      <c r="I5" s="20"/>
      <c r="J5" s="20" t="s">
        <v>91</v>
      </c>
      <c r="K5" s="21"/>
      <c r="L5" s="22"/>
    </row>
    <row r="6" spans="1:12" ht="14.25" customHeight="1" x14ac:dyDescent="0.15">
      <c r="B6" s="158"/>
      <c r="C6" s="153" t="s">
        <v>59</v>
      </c>
      <c r="D6" s="153" t="s">
        <v>279</v>
      </c>
      <c r="E6" s="23" t="s">
        <v>58</v>
      </c>
      <c r="F6" s="23" t="s">
        <v>88</v>
      </c>
      <c r="G6" s="447" t="s">
        <v>457</v>
      </c>
      <c r="H6" s="24" t="s">
        <v>367</v>
      </c>
      <c r="I6" s="27" t="s">
        <v>132</v>
      </c>
      <c r="J6" s="27" t="s">
        <v>135</v>
      </c>
      <c r="K6" s="24" t="s">
        <v>45</v>
      </c>
      <c r="L6" s="28" t="s">
        <v>92</v>
      </c>
    </row>
    <row r="7" spans="1:12" ht="14.25" customHeight="1" x14ac:dyDescent="0.15">
      <c r="B7" s="158"/>
      <c r="C7" s="449"/>
      <c r="D7" s="264"/>
      <c r="E7" s="26"/>
      <c r="F7" s="29" t="s">
        <v>366</v>
      </c>
      <c r="G7" s="30" t="s">
        <v>0</v>
      </c>
      <c r="H7" s="30" t="s">
        <v>205</v>
      </c>
      <c r="I7" s="26" t="s">
        <v>43</v>
      </c>
      <c r="J7" s="26" t="s">
        <v>371</v>
      </c>
      <c r="K7" s="33" t="s">
        <v>368</v>
      </c>
      <c r="L7" s="358"/>
    </row>
    <row r="8" spans="1:12" ht="7.5" customHeight="1" x14ac:dyDescent="0.15">
      <c r="B8" s="160"/>
      <c r="C8" s="195"/>
      <c r="D8" s="196"/>
      <c r="E8" s="37"/>
      <c r="F8" s="37"/>
      <c r="G8" s="38"/>
      <c r="H8" s="39"/>
      <c r="I8" s="40"/>
      <c r="J8" s="40"/>
      <c r="K8" s="40"/>
      <c r="L8" s="42"/>
    </row>
    <row r="9" spans="1:12" ht="7.5" customHeight="1" x14ac:dyDescent="0.15">
      <c r="B9" s="154"/>
      <c r="C9" s="223"/>
      <c r="D9" s="223"/>
      <c r="E9" s="254"/>
      <c r="F9" s="251"/>
      <c r="G9" s="223"/>
      <c r="H9" s="223"/>
      <c r="I9" s="223"/>
      <c r="J9" s="223"/>
      <c r="K9" s="223"/>
      <c r="L9" s="252"/>
    </row>
    <row r="10" spans="1:12" ht="14.25" customHeight="1" x14ac:dyDescent="0.15">
      <c r="B10" s="158"/>
      <c r="C10" s="153" t="s">
        <v>126</v>
      </c>
      <c r="D10" s="153" t="s">
        <v>10</v>
      </c>
      <c r="E10" s="198">
        <v>10</v>
      </c>
      <c r="F10" s="192">
        <v>14</v>
      </c>
      <c r="G10" s="139">
        <v>14</v>
      </c>
      <c r="H10" s="139">
        <v>0</v>
      </c>
      <c r="I10" s="139">
        <v>10</v>
      </c>
      <c r="J10" s="139">
        <v>1</v>
      </c>
      <c r="K10" s="193">
        <v>1.3</v>
      </c>
      <c r="L10" s="201">
        <v>0</v>
      </c>
    </row>
    <row r="11" spans="1:12" ht="14.25" customHeight="1" x14ac:dyDescent="0.15">
      <c r="B11" s="158"/>
      <c r="C11" s="153" t="s">
        <v>242</v>
      </c>
      <c r="D11" s="359" t="s">
        <v>401</v>
      </c>
      <c r="E11" s="198">
        <v>20</v>
      </c>
      <c r="F11" s="192">
        <v>12</v>
      </c>
      <c r="G11" s="139">
        <v>12</v>
      </c>
      <c r="H11" s="139">
        <v>0</v>
      </c>
      <c r="I11" s="139">
        <v>12</v>
      </c>
      <c r="J11" s="139">
        <v>0</v>
      </c>
      <c r="K11" s="193">
        <v>1</v>
      </c>
      <c r="L11" s="201">
        <v>8</v>
      </c>
    </row>
    <row r="12" spans="1:12" ht="14.25" customHeight="1" x14ac:dyDescent="0.15">
      <c r="B12" s="158"/>
      <c r="C12" s="153" t="s">
        <v>408</v>
      </c>
      <c r="D12" s="360" t="s">
        <v>376</v>
      </c>
      <c r="E12" s="198">
        <v>5</v>
      </c>
      <c r="F12" s="192">
        <v>3</v>
      </c>
      <c r="G12" s="139">
        <v>3</v>
      </c>
      <c r="H12" s="139">
        <v>0</v>
      </c>
      <c r="I12" s="139">
        <v>3</v>
      </c>
      <c r="J12" s="139">
        <v>0</v>
      </c>
      <c r="K12" s="193">
        <v>1</v>
      </c>
      <c r="L12" s="201">
        <v>2</v>
      </c>
    </row>
    <row r="13" spans="1:12" ht="14.25" customHeight="1" x14ac:dyDescent="0.15">
      <c r="B13" s="158"/>
      <c r="D13" s="389" t="s">
        <v>406</v>
      </c>
      <c r="E13" s="181">
        <v>25</v>
      </c>
      <c r="F13" s="182">
        <v>15</v>
      </c>
      <c r="G13" s="330">
        <v>15</v>
      </c>
      <c r="H13" s="330">
        <v>0</v>
      </c>
      <c r="I13" s="330">
        <v>15</v>
      </c>
      <c r="J13" s="330">
        <v>0</v>
      </c>
      <c r="K13" s="245">
        <v>1</v>
      </c>
      <c r="L13" s="331">
        <v>10</v>
      </c>
    </row>
    <row r="14" spans="1:12" ht="14.25" customHeight="1" x14ac:dyDescent="0.15">
      <c r="B14" s="158"/>
      <c r="C14" s="153" t="s">
        <v>159</v>
      </c>
      <c r="D14" s="153" t="s">
        <v>65</v>
      </c>
      <c r="E14" s="198">
        <v>10</v>
      </c>
      <c r="F14" s="192">
        <v>11</v>
      </c>
      <c r="G14" s="139">
        <v>11</v>
      </c>
      <c r="H14" s="139">
        <v>0</v>
      </c>
      <c r="I14" s="139">
        <v>10</v>
      </c>
      <c r="J14" s="139">
        <v>0</v>
      </c>
      <c r="K14" s="193">
        <v>1.1000000000000001</v>
      </c>
      <c r="L14" s="201">
        <v>0</v>
      </c>
    </row>
    <row r="15" spans="1:12" ht="14.25" customHeight="1" x14ac:dyDescent="0.15">
      <c r="B15" s="158"/>
      <c r="C15" s="359" t="s">
        <v>356</v>
      </c>
      <c r="D15" s="359" t="s">
        <v>65</v>
      </c>
      <c r="E15" s="198">
        <v>10</v>
      </c>
      <c r="F15" s="192">
        <v>2</v>
      </c>
      <c r="G15" s="139">
        <v>2</v>
      </c>
      <c r="H15" s="139">
        <v>0</v>
      </c>
      <c r="I15" s="139">
        <v>2</v>
      </c>
      <c r="J15" s="139">
        <v>0</v>
      </c>
      <c r="K15" s="193">
        <v>1</v>
      </c>
      <c r="L15" s="201">
        <v>8</v>
      </c>
    </row>
    <row r="16" spans="1:12" ht="14.25" customHeight="1" x14ac:dyDescent="0.15">
      <c r="B16" s="158"/>
      <c r="C16" s="153" t="s">
        <v>160</v>
      </c>
      <c r="D16" s="153" t="s">
        <v>65</v>
      </c>
      <c r="E16" s="198">
        <v>15</v>
      </c>
      <c r="F16" s="192">
        <v>9</v>
      </c>
      <c r="G16" s="139">
        <v>9</v>
      </c>
      <c r="H16" s="139">
        <v>0</v>
      </c>
      <c r="I16" s="139">
        <v>9</v>
      </c>
      <c r="J16" s="139">
        <v>0</v>
      </c>
      <c r="K16" s="193">
        <v>1</v>
      </c>
      <c r="L16" s="201">
        <v>6</v>
      </c>
    </row>
    <row r="17" spans="2:13" ht="14.25" customHeight="1" x14ac:dyDescent="0.15">
      <c r="B17" s="158"/>
      <c r="C17" s="153" t="s">
        <v>402</v>
      </c>
      <c r="D17" s="153" t="s">
        <v>373</v>
      </c>
      <c r="E17" s="198">
        <v>5</v>
      </c>
      <c r="F17" s="192">
        <v>3</v>
      </c>
      <c r="G17" s="139">
        <v>3</v>
      </c>
      <c r="H17" s="139">
        <v>0</v>
      </c>
      <c r="I17" s="139">
        <v>3</v>
      </c>
      <c r="J17" s="139">
        <v>0</v>
      </c>
      <c r="K17" s="193">
        <v>1</v>
      </c>
      <c r="L17" s="201">
        <v>2</v>
      </c>
    </row>
    <row r="18" spans="2:13" ht="15" customHeight="1" x14ac:dyDescent="0.15">
      <c r="B18" s="158"/>
      <c r="C18" s="359" t="s">
        <v>357</v>
      </c>
      <c r="D18" s="359" t="s">
        <v>65</v>
      </c>
      <c r="E18" s="198">
        <v>10</v>
      </c>
      <c r="F18" s="192">
        <v>1</v>
      </c>
      <c r="G18" s="139">
        <v>1</v>
      </c>
      <c r="H18" s="139">
        <v>0</v>
      </c>
      <c r="I18" s="139">
        <v>1</v>
      </c>
      <c r="J18" s="139">
        <v>0</v>
      </c>
      <c r="K18" s="193">
        <v>1</v>
      </c>
      <c r="L18" s="201">
        <v>9</v>
      </c>
    </row>
    <row r="19" spans="2:13" ht="21.75" customHeight="1" x14ac:dyDescent="0.15">
      <c r="B19" s="158"/>
      <c r="C19" s="202" t="s">
        <v>161</v>
      </c>
      <c r="D19" s="202"/>
      <c r="E19" s="181">
        <v>85</v>
      </c>
      <c r="F19" s="183">
        <v>55</v>
      </c>
      <c r="G19" s="183">
        <v>55</v>
      </c>
      <c r="H19" s="183">
        <v>0</v>
      </c>
      <c r="I19" s="183">
        <v>50</v>
      </c>
      <c r="J19" s="183">
        <v>1</v>
      </c>
      <c r="K19" s="220">
        <v>1.08</v>
      </c>
      <c r="L19" s="224">
        <v>35</v>
      </c>
    </row>
    <row r="20" spans="2:13" ht="21.75" customHeight="1" x14ac:dyDescent="0.15">
      <c r="B20" s="158"/>
      <c r="C20" s="153" t="s">
        <v>131</v>
      </c>
      <c r="D20" s="153" t="s">
        <v>167</v>
      </c>
      <c r="E20" s="198">
        <v>10</v>
      </c>
      <c r="F20" s="192">
        <v>9</v>
      </c>
      <c r="G20" s="139">
        <v>9</v>
      </c>
      <c r="H20" s="139">
        <v>0</v>
      </c>
      <c r="I20" s="139">
        <v>9</v>
      </c>
      <c r="J20" s="139">
        <v>0</v>
      </c>
      <c r="K20" s="218">
        <v>1</v>
      </c>
      <c r="L20" s="201">
        <v>1</v>
      </c>
    </row>
    <row r="21" spans="2:13" ht="7.5" customHeight="1" x14ac:dyDescent="0.15">
      <c r="B21" s="158"/>
      <c r="C21" s="450"/>
      <c r="D21" s="450"/>
      <c r="E21" s="198"/>
      <c r="F21" s="192"/>
      <c r="G21" s="139"/>
      <c r="H21" s="139"/>
      <c r="I21" s="139"/>
      <c r="J21" s="139"/>
      <c r="K21" s="218"/>
      <c r="L21" s="201"/>
    </row>
    <row r="22" spans="2:13" ht="7.5" customHeight="1" x14ac:dyDescent="0.15">
      <c r="B22" s="171"/>
      <c r="C22" s="332"/>
      <c r="D22" s="332"/>
      <c r="E22" s="173"/>
      <c r="F22" s="174"/>
      <c r="G22" s="333"/>
      <c r="H22" s="333"/>
      <c r="I22" s="333"/>
      <c r="J22" s="333"/>
      <c r="K22" s="361"/>
      <c r="L22" s="334"/>
    </row>
    <row r="23" spans="2:13" ht="14.25" customHeight="1" x14ac:dyDescent="0.15">
      <c r="B23" s="158"/>
      <c r="C23" s="480" t="s">
        <v>64</v>
      </c>
      <c r="D23" s="481"/>
      <c r="E23" s="181">
        <v>95</v>
      </c>
      <c r="F23" s="330">
        <v>64</v>
      </c>
      <c r="G23" s="330">
        <v>64</v>
      </c>
      <c r="H23" s="330">
        <v>0</v>
      </c>
      <c r="I23" s="330">
        <v>59</v>
      </c>
      <c r="J23" s="330">
        <v>1</v>
      </c>
      <c r="K23" s="220">
        <v>1.07</v>
      </c>
      <c r="L23" s="331">
        <v>36</v>
      </c>
    </row>
    <row r="24" spans="2:13" ht="7.5" customHeight="1" x14ac:dyDescent="0.15">
      <c r="B24" s="160"/>
      <c r="C24" s="237"/>
      <c r="D24" s="237"/>
      <c r="E24" s="188"/>
      <c r="F24" s="189"/>
      <c r="G24" s="335"/>
      <c r="H24" s="335"/>
      <c r="I24" s="335"/>
      <c r="J24" s="335"/>
      <c r="K24" s="335"/>
      <c r="L24" s="191"/>
    </row>
    <row r="25" spans="2:13" s="359" customFormat="1" x14ac:dyDescent="0.15">
      <c r="B25" s="301" t="s">
        <v>411</v>
      </c>
      <c r="C25" s="153"/>
      <c r="D25" s="153"/>
      <c r="E25" s="324"/>
      <c r="F25" s="324"/>
      <c r="G25" s="324"/>
      <c r="H25" s="324"/>
      <c r="I25" s="324"/>
      <c r="J25" s="324"/>
      <c r="M25" s="153"/>
    </row>
    <row r="26" spans="2:13" s="359" customFormat="1" ht="14.25" customHeight="1" x14ac:dyDescent="0.15">
      <c r="B26" s="324"/>
      <c r="C26" s="362"/>
      <c r="D26" s="362"/>
      <c r="E26" s="362"/>
      <c r="F26" s="362"/>
      <c r="G26" s="362"/>
      <c r="H26" s="362"/>
      <c r="I26" s="362"/>
      <c r="J26" s="362"/>
      <c r="M26" s="153"/>
    </row>
    <row r="27" spans="2:13" ht="14.25" customHeight="1" x14ac:dyDescent="0.15">
      <c r="B27" s="153" t="s">
        <v>5</v>
      </c>
      <c r="E27" s="192"/>
      <c r="F27" s="192"/>
      <c r="L27" s="193"/>
    </row>
    <row r="28" spans="2:13" ht="7.5" customHeight="1" x14ac:dyDescent="0.15">
      <c r="B28" s="154"/>
      <c r="C28" s="155"/>
      <c r="D28" s="155"/>
      <c r="E28" s="251"/>
      <c r="F28" s="251"/>
      <c r="G28" s="223"/>
      <c r="H28" s="223"/>
      <c r="I28" s="223"/>
      <c r="J28" s="223"/>
      <c r="K28" s="223"/>
      <c r="L28" s="252"/>
    </row>
    <row r="29" spans="2:13" ht="15.75" customHeight="1" x14ac:dyDescent="0.15">
      <c r="B29" s="158"/>
      <c r="E29" s="14"/>
      <c r="F29" s="15"/>
      <c r="G29" s="16" t="s">
        <v>204</v>
      </c>
      <c r="H29" s="16"/>
      <c r="I29" s="20"/>
      <c r="J29" s="20" t="s">
        <v>91</v>
      </c>
      <c r="K29" s="21"/>
      <c r="L29" s="22"/>
    </row>
    <row r="30" spans="2:13" ht="14.25" customHeight="1" x14ac:dyDescent="0.15">
      <c r="B30" s="158"/>
      <c r="C30" s="153" t="s">
        <v>59</v>
      </c>
      <c r="D30" s="153" t="s">
        <v>361</v>
      </c>
      <c r="E30" s="23" t="s">
        <v>58</v>
      </c>
      <c r="F30" s="23" t="s">
        <v>88</v>
      </c>
      <c r="G30" s="447" t="s">
        <v>457</v>
      </c>
      <c r="H30" s="24" t="s">
        <v>367</v>
      </c>
      <c r="I30" s="27" t="s">
        <v>132</v>
      </c>
      <c r="J30" s="27" t="s">
        <v>135</v>
      </c>
      <c r="K30" s="24" t="s">
        <v>45</v>
      </c>
      <c r="L30" s="28" t="s">
        <v>92</v>
      </c>
    </row>
    <row r="31" spans="2:13" ht="14.25" customHeight="1" x14ac:dyDescent="0.15">
      <c r="B31" s="158"/>
      <c r="C31" s="449"/>
      <c r="D31" s="264"/>
      <c r="E31" s="26"/>
      <c r="F31" s="29" t="s">
        <v>366</v>
      </c>
      <c r="G31" s="30" t="s">
        <v>0</v>
      </c>
      <c r="H31" s="30" t="s">
        <v>205</v>
      </c>
      <c r="I31" s="26" t="s">
        <v>43</v>
      </c>
      <c r="J31" s="26" t="s">
        <v>371</v>
      </c>
      <c r="K31" s="33" t="s">
        <v>368</v>
      </c>
      <c r="L31" s="358"/>
    </row>
    <row r="32" spans="2:13" ht="7.5" customHeight="1" x14ac:dyDescent="0.15">
      <c r="B32" s="160"/>
      <c r="C32" s="195"/>
      <c r="D32" s="196"/>
      <c r="E32" s="37"/>
      <c r="F32" s="37"/>
      <c r="G32" s="38"/>
      <c r="H32" s="39"/>
      <c r="I32" s="40"/>
      <c r="J32" s="40"/>
      <c r="K32" s="40"/>
      <c r="L32" s="42"/>
    </row>
    <row r="33" spans="2:12" ht="7.5" customHeight="1" x14ac:dyDescent="0.15">
      <c r="B33" s="154"/>
      <c r="C33" s="449"/>
      <c r="D33" s="449"/>
      <c r="E33" s="254"/>
      <c r="F33" s="255"/>
      <c r="G33" s="449"/>
      <c r="H33" s="449"/>
      <c r="I33" s="449"/>
      <c r="J33" s="449"/>
      <c r="K33" s="449"/>
      <c r="L33" s="256"/>
    </row>
    <row r="34" spans="2:12" x14ac:dyDescent="0.15">
      <c r="B34" s="158"/>
      <c r="C34" s="153" t="s">
        <v>421</v>
      </c>
      <c r="D34" s="153" t="s">
        <v>206</v>
      </c>
      <c r="E34" s="198">
        <v>20</v>
      </c>
      <c r="F34" s="192">
        <v>21</v>
      </c>
      <c r="G34" s="139">
        <v>21</v>
      </c>
      <c r="H34" s="139">
        <v>0</v>
      </c>
      <c r="I34" s="139">
        <v>20</v>
      </c>
      <c r="J34" s="139">
        <v>0</v>
      </c>
      <c r="K34" s="193">
        <v>1.05</v>
      </c>
      <c r="L34" s="201">
        <v>0</v>
      </c>
    </row>
    <row r="35" spans="2:12" x14ac:dyDescent="0.15">
      <c r="B35" s="158"/>
      <c r="C35" s="359" t="s">
        <v>422</v>
      </c>
      <c r="D35" s="359" t="s">
        <v>48</v>
      </c>
      <c r="E35" s="198">
        <v>13</v>
      </c>
      <c r="F35" s="192">
        <v>15</v>
      </c>
      <c r="G35" s="139">
        <v>15</v>
      </c>
      <c r="H35" s="139">
        <v>0</v>
      </c>
      <c r="I35" s="139">
        <v>13</v>
      </c>
      <c r="J35" s="139">
        <v>0</v>
      </c>
      <c r="K35" s="193">
        <v>1.1499999999999999</v>
      </c>
      <c r="L35" s="201">
        <v>0</v>
      </c>
    </row>
    <row r="36" spans="2:12" x14ac:dyDescent="0.15">
      <c r="B36" s="158"/>
      <c r="C36" s="359" t="s">
        <v>434</v>
      </c>
      <c r="D36" s="359" t="s">
        <v>48</v>
      </c>
      <c r="E36" s="198">
        <v>7</v>
      </c>
      <c r="F36" s="192">
        <v>7</v>
      </c>
      <c r="G36" s="139">
        <v>7</v>
      </c>
      <c r="H36" s="139">
        <v>0</v>
      </c>
      <c r="I36" s="139">
        <v>6</v>
      </c>
      <c r="J36" s="139">
        <v>1</v>
      </c>
      <c r="K36" s="193">
        <v>1</v>
      </c>
      <c r="L36" s="201">
        <v>1</v>
      </c>
    </row>
    <row r="37" spans="2:12" x14ac:dyDescent="0.15">
      <c r="B37" s="158"/>
      <c r="C37" s="359" t="s">
        <v>423</v>
      </c>
      <c r="D37" s="359" t="s">
        <v>47</v>
      </c>
      <c r="E37" s="198">
        <v>7</v>
      </c>
      <c r="F37" s="192">
        <v>11</v>
      </c>
      <c r="G37" s="139">
        <v>11</v>
      </c>
      <c r="H37" s="139">
        <v>0</v>
      </c>
      <c r="I37" s="139">
        <v>7</v>
      </c>
      <c r="J37" s="139">
        <v>0</v>
      </c>
      <c r="K37" s="193">
        <v>1.57</v>
      </c>
      <c r="L37" s="201">
        <v>0</v>
      </c>
    </row>
    <row r="38" spans="2:12" x14ac:dyDescent="0.15">
      <c r="B38" s="158"/>
      <c r="C38" s="359" t="s">
        <v>424</v>
      </c>
      <c r="D38" s="359" t="s">
        <v>48</v>
      </c>
      <c r="E38" s="198">
        <v>12</v>
      </c>
      <c r="F38" s="192">
        <v>16</v>
      </c>
      <c r="G38" s="139">
        <v>16</v>
      </c>
      <c r="H38" s="139">
        <v>0</v>
      </c>
      <c r="I38" s="139">
        <v>12</v>
      </c>
      <c r="J38" s="139">
        <v>0</v>
      </c>
      <c r="K38" s="193">
        <v>1.33</v>
      </c>
      <c r="L38" s="201">
        <v>0</v>
      </c>
    </row>
    <row r="39" spans="2:12" x14ac:dyDescent="0.15">
      <c r="B39" s="158"/>
      <c r="C39" s="359" t="s">
        <v>425</v>
      </c>
      <c r="D39" s="359" t="s">
        <v>48</v>
      </c>
      <c r="E39" s="198">
        <v>10</v>
      </c>
      <c r="F39" s="192">
        <v>10</v>
      </c>
      <c r="G39" s="139">
        <v>10</v>
      </c>
      <c r="H39" s="139">
        <v>0</v>
      </c>
      <c r="I39" s="139">
        <v>10</v>
      </c>
      <c r="J39" s="139">
        <v>0</v>
      </c>
      <c r="K39" s="193">
        <v>1</v>
      </c>
      <c r="L39" s="201">
        <v>0</v>
      </c>
    </row>
    <row r="40" spans="2:12" x14ac:dyDescent="0.15">
      <c r="B40" s="363"/>
      <c r="C40" s="359" t="s">
        <v>405</v>
      </c>
      <c r="D40" s="359" t="s">
        <v>47</v>
      </c>
      <c r="E40" s="198">
        <v>10</v>
      </c>
      <c r="F40" s="192">
        <v>10</v>
      </c>
      <c r="G40" s="139">
        <v>10</v>
      </c>
      <c r="H40" s="139">
        <v>0</v>
      </c>
      <c r="I40" s="139">
        <v>10</v>
      </c>
      <c r="J40" s="139">
        <v>0</v>
      </c>
      <c r="K40" s="193">
        <v>1</v>
      </c>
      <c r="L40" s="201">
        <v>0</v>
      </c>
    </row>
    <row r="41" spans="2:12" x14ac:dyDescent="0.15">
      <c r="B41" s="363"/>
      <c r="C41" s="359" t="s">
        <v>426</v>
      </c>
      <c r="D41" s="359" t="s">
        <v>48</v>
      </c>
      <c r="E41" s="198">
        <v>10</v>
      </c>
      <c r="F41" s="192">
        <v>13</v>
      </c>
      <c r="G41" s="139">
        <v>13</v>
      </c>
      <c r="H41" s="139">
        <v>0</v>
      </c>
      <c r="I41" s="139">
        <v>10</v>
      </c>
      <c r="J41" s="139">
        <v>0</v>
      </c>
      <c r="K41" s="193">
        <v>1.3</v>
      </c>
      <c r="L41" s="201">
        <v>0</v>
      </c>
    </row>
    <row r="42" spans="2:12" x14ac:dyDescent="0.15">
      <c r="B42" s="363"/>
      <c r="C42" s="359" t="s">
        <v>410</v>
      </c>
      <c r="D42" s="359" t="s">
        <v>47</v>
      </c>
      <c r="E42" s="198">
        <v>7</v>
      </c>
      <c r="F42" s="192">
        <v>11</v>
      </c>
      <c r="G42" s="139">
        <v>11</v>
      </c>
      <c r="H42" s="139">
        <v>0</v>
      </c>
      <c r="I42" s="139">
        <v>7</v>
      </c>
      <c r="J42" s="139">
        <v>0</v>
      </c>
      <c r="K42" s="193">
        <v>1.57</v>
      </c>
      <c r="L42" s="201">
        <v>0</v>
      </c>
    </row>
    <row r="43" spans="2:12" x14ac:dyDescent="0.15">
      <c r="B43" s="158"/>
      <c r="C43" s="153" t="s">
        <v>427</v>
      </c>
      <c r="D43" s="153" t="s">
        <v>206</v>
      </c>
      <c r="E43" s="198">
        <v>7</v>
      </c>
      <c r="F43" s="192">
        <v>10</v>
      </c>
      <c r="G43" s="139">
        <v>10</v>
      </c>
      <c r="H43" s="139">
        <v>0</v>
      </c>
      <c r="I43" s="139">
        <v>7</v>
      </c>
      <c r="J43" s="139">
        <v>0</v>
      </c>
      <c r="K43" s="193">
        <v>1.43</v>
      </c>
      <c r="L43" s="201">
        <v>0</v>
      </c>
    </row>
    <row r="44" spans="2:12" x14ac:dyDescent="0.15">
      <c r="B44" s="158"/>
      <c r="C44" s="359" t="s">
        <v>428</v>
      </c>
      <c r="D44" s="359" t="s">
        <v>47</v>
      </c>
      <c r="E44" s="198">
        <v>10</v>
      </c>
      <c r="F44" s="192">
        <v>9</v>
      </c>
      <c r="G44" s="139">
        <v>9</v>
      </c>
      <c r="H44" s="139">
        <v>0</v>
      </c>
      <c r="I44" s="139">
        <v>9</v>
      </c>
      <c r="J44" s="139">
        <v>0</v>
      </c>
      <c r="K44" s="193">
        <v>1</v>
      </c>
      <c r="L44" s="201">
        <v>1</v>
      </c>
    </row>
    <row r="45" spans="2:12" x14ac:dyDescent="0.15">
      <c r="B45" s="158"/>
      <c r="C45" s="359" t="s">
        <v>409</v>
      </c>
      <c r="D45" s="359" t="s">
        <v>47</v>
      </c>
      <c r="E45" s="198">
        <v>10</v>
      </c>
      <c r="F45" s="192">
        <v>17</v>
      </c>
      <c r="G45" s="139">
        <v>17</v>
      </c>
      <c r="H45" s="139">
        <v>0</v>
      </c>
      <c r="I45" s="139">
        <v>10</v>
      </c>
      <c r="J45" s="139">
        <v>0</v>
      </c>
      <c r="K45" s="193">
        <v>1.7</v>
      </c>
      <c r="L45" s="201">
        <v>0</v>
      </c>
    </row>
    <row r="46" spans="2:12" x14ac:dyDescent="0.15">
      <c r="B46" s="158"/>
      <c r="C46" s="153" t="s">
        <v>429</v>
      </c>
      <c r="D46" s="153" t="s">
        <v>206</v>
      </c>
      <c r="E46" s="198">
        <v>10</v>
      </c>
      <c r="F46" s="192">
        <v>10</v>
      </c>
      <c r="G46" s="139">
        <v>10</v>
      </c>
      <c r="H46" s="139">
        <v>0</v>
      </c>
      <c r="I46" s="139">
        <v>10</v>
      </c>
      <c r="J46" s="139">
        <v>0</v>
      </c>
      <c r="K46" s="193">
        <v>1</v>
      </c>
      <c r="L46" s="201">
        <v>0</v>
      </c>
    </row>
    <row r="47" spans="2:12" x14ac:dyDescent="0.15">
      <c r="B47" s="158"/>
      <c r="C47" s="153" t="s">
        <v>430</v>
      </c>
      <c r="D47" s="153" t="s">
        <v>47</v>
      </c>
      <c r="E47" s="198">
        <v>10</v>
      </c>
      <c r="F47" s="192">
        <v>9</v>
      </c>
      <c r="G47" s="139">
        <v>9</v>
      </c>
      <c r="H47" s="139">
        <v>0</v>
      </c>
      <c r="I47" s="139">
        <v>9</v>
      </c>
      <c r="J47" s="139">
        <v>0</v>
      </c>
      <c r="K47" s="193">
        <v>1</v>
      </c>
      <c r="L47" s="201">
        <v>1</v>
      </c>
    </row>
    <row r="48" spans="2:12" ht="21.75" customHeight="1" x14ac:dyDescent="0.15">
      <c r="B48" s="158"/>
      <c r="C48" s="202" t="s">
        <v>161</v>
      </c>
      <c r="D48" s="202"/>
      <c r="E48" s="181">
        <v>143</v>
      </c>
      <c r="F48" s="183">
        <v>169</v>
      </c>
      <c r="G48" s="183">
        <v>169</v>
      </c>
      <c r="H48" s="183">
        <v>0</v>
      </c>
      <c r="I48" s="183">
        <v>140</v>
      </c>
      <c r="J48" s="183">
        <v>1</v>
      </c>
      <c r="K48" s="204">
        <v>1.2</v>
      </c>
      <c r="L48" s="224">
        <v>3</v>
      </c>
    </row>
    <row r="49" spans="2:12" ht="21.75" customHeight="1" x14ac:dyDescent="0.15">
      <c r="B49" s="158"/>
      <c r="C49" s="364" t="s">
        <v>358</v>
      </c>
      <c r="D49" s="359" t="s">
        <v>157</v>
      </c>
      <c r="E49" s="198">
        <v>6</v>
      </c>
      <c r="F49" s="461">
        <v>13</v>
      </c>
      <c r="G49" s="461">
        <v>13</v>
      </c>
      <c r="H49" s="192">
        <v>0</v>
      </c>
      <c r="I49" s="192">
        <v>6</v>
      </c>
      <c r="J49" s="139">
        <v>0</v>
      </c>
      <c r="K49" s="213">
        <v>2.17</v>
      </c>
      <c r="L49" s="201">
        <v>0</v>
      </c>
    </row>
    <row r="50" spans="2:12" ht="13.5" customHeight="1" x14ac:dyDescent="0.15">
      <c r="B50" s="158"/>
      <c r="C50" s="153" t="s">
        <v>162</v>
      </c>
      <c r="D50" s="153" t="s">
        <v>122</v>
      </c>
      <c r="E50" s="198">
        <v>4</v>
      </c>
      <c r="F50" s="461">
        <v>5</v>
      </c>
      <c r="G50" s="461">
        <v>5</v>
      </c>
      <c r="H50" s="192">
        <v>0</v>
      </c>
      <c r="I50" s="192">
        <v>4</v>
      </c>
      <c r="J50" s="139">
        <v>0</v>
      </c>
      <c r="K50" s="213">
        <v>1.25</v>
      </c>
      <c r="L50" s="201">
        <v>0</v>
      </c>
    </row>
    <row r="51" spans="2:12" ht="21.75" customHeight="1" x14ac:dyDescent="0.15">
      <c r="B51" s="158"/>
      <c r="C51" s="202" t="s">
        <v>362</v>
      </c>
      <c r="E51" s="181">
        <v>10</v>
      </c>
      <c r="F51" s="182">
        <v>18</v>
      </c>
      <c r="G51" s="182">
        <v>18</v>
      </c>
      <c r="H51" s="182">
        <v>0</v>
      </c>
      <c r="I51" s="182">
        <v>10</v>
      </c>
      <c r="J51" s="182">
        <v>0</v>
      </c>
      <c r="K51" s="185">
        <v>1.8</v>
      </c>
      <c r="L51" s="331">
        <v>0</v>
      </c>
    </row>
    <row r="52" spans="2:12" ht="7.5" customHeight="1" x14ac:dyDescent="0.15">
      <c r="B52" s="158"/>
      <c r="C52" s="450"/>
      <c r="D52" s="450"/>
      <c r="E52" s="198"/>
      <c r="F52" s="192"/>
      <c r="G52" s="139"/>
      <c r="H52" s="139"/>
      <c r="I52" s="139"/>
      <c r="J52" s="139"/>
      <c r="K52" s="200"/>
      <c r="L52" s="201"/>
    </row>
    <row r="53" spans="2:12" ht="7.5" customHeight="1" x14ac:dyDescent="0.15">
      <c r="B53" s="171"/>
      <c r="C53" s="332"/>
      <c r="D53" s="332"/>
      <c r="E53" s="173"/>
      <c r="F53" s="174"/>
      <c r="G53" s="333"/>
      <c r="H53" s="333"/>
      <c r="I53" s="333"/>
      <c r="J53" s="333"/>
      <c r="K53" s="365"/>
      <c r="L53" s="334"/>
    </row>
    <row r="54" spans="2:12" x14ac:dyDescent="0.15">
      <c r="B54" s="158"/>
      <c r="C54" s="480" t="s">
        <v>64</v>
      </c>
      <c r="D54" s="481"/>
      <c r="E54" s="182">
        <v>153</v>
      </c>
      <c r="F54" s="182">
        <v>187</v>
      </c>
      <c r="G54" s="182">
        <v>187</v>
      </c>
      <c r="H54" s="182">
        <v>0</v>
      </c>
      <c r="I54" s="182">
        <v>150</v>
      </c>
      <c r="J54" s="182">
        <v>1</v>
      </c>
      <c r="K54" s="185">
        <v>1.24</v>
      </c>
      <c r="L54" s="246">
        <v>3</v>
      </c>
    </row>
    <row r="55" spans="2:12" ht="7.5" customHeight="1" x14ac:dyDescent="0.15">
      <c r="B55" s="160"/>
      <c r="C55" s="237"/>
      <c r="D55" s="237"/>
      <c r="E55" s="188"/>
      <c r="F55" s="189"/>
      <c r="G55" s="335"/>
      <c r="H55" s="335"/>
      <c r="I55" s="335"/>
      <c r="J55" s="335"/>
      <c r="K55" s="335"/>
      <c r="L55" s="191"/>
    </row>
    <row r="56" spans="2:12" ht="15" customHeight="1" x14ac:dyDescent="0.15">
      <c r="B56" s="487"/>
      <c r="C56" s="487"/>
      <c r="D56" s="487"/>
      <c r="E56" s="487"/>
      <c r="F56" s="487"/>
      <c r="G56" s="487"/>
      <c r="H56" s="487"/>
      <c r="I56" s="487"/>
      <c r="J56" s="487"/>
      <c r="K56" s="487"/>
      <c r="L56" s="487"/>
    </row>
    <row r="57" spans="2:12" ht="14.25" customHeight="1" x14ac:dyDescent="0.15">
      <c r="B57" s="153" t="s">
        <v>6</v>
      </c>
      <c r="E57" s="192"/>
      <c r="F57" s="192"/>
      <c r="L57" s="193"/>
    </row>
    <row r="58" spans="2:12" ht="7.5" customHeight="1" x14ac:dyDescent="0.15">
      <c r="B58" s="154"/>
      <c r="C58" s="155"/>
      <c r="D58" s="155"/>
      <c r="E58" s="251"/>
      <c r="F58" s="251"/>
      <c r="G58" s="223"/>
      <c r="H58" s="223"/>
      <c r="I58" s="223"/>
      <c r="J58" s="223"/>
      <c r="K58" s="223"/>
      <c r="L58" s="252"/>
    </row>
    <row r="59" spans="2:12" ht="15.75" customHeight="1" x14ac:dyDescent="0.15">
      <c r="B59" s="158"/>
      <c r="E59" s="14"/>
      <c r="F59" s="15"/>
      <c r="G59" s="16" t="s">
        <v>204</v>
      </c>
      <c r="H59" s="16"/>
      <c r="I59" s="20"/>
      <c r="J59" s="20" t="s">
        <v>91</v>
      </c>
      <c r="K59" s="21"/>
      <c r="L59" s="22"/>
    </row>
    <row r="60" spans="2:12" ht="14.25" customHeight="1" x14ac:dyDescent="0.15">
      <c r="B60" s="158"/>
      <c r="C60" s="153" t="s">
        <v>59</v>
      </c>
      <c r="D60" s="153" t="s">
        <v>258</v>
      </c>
      <c r="E60" s="23" t="s">
        <v>58</v>
      </c>
      <c r="F60" s="23" t="s">
        <v>88</v>
      </c>
      <c r="G60" s="447" t="s">
        <v>457</v>
      </c>
      <c r="H60" s="24" t="s">
        <v>367</v>
      </c>
      <c r="I60" s="27" t="s">
        <v>132</v>
      </c>
      <c r="J60" s="27" t="s">
        <v>135</v>
      </c>
      <c r="K60" s="24" t="s">
        <v>45</v>
      </c>
      <c r="L60" s="28" t="s">
        <v>92</v>
      </c>
    </row>
    <row r="61" spans="2:12" ht="14.25" customHeight="1" x14ac:dyDescent="0.15">
      <c r="B61" s="158"/>
      <c r="C61" s="449"/>
      <c r="D61" s="264"/>
      <c r="E61" s="26"/>
      <c r="F61" s="29" t="s">
        <v>366</v>
      </c>
      <c r="G61" s="30" t="s">
        <v>0</v>
      </c>
      <c r="H61" s="30" t="s">
        <v>205</v>
      </c>
      <c r="I61" s="26" t="s">
        <v>43</v>
      </c>
      <c r="J61" s="26" t="s">
        <v>371</v>
      </c>
      <c r="K61" s="33" t="s">
        <v>368</v>
      </c>
      <c r="L61" s="358"/>
    </row>
    <row r="62" spans="2:12" ht="7.5" customHeight="1" x14ac:dyDescent="0.15">
      <c r="B62" s="160"/>
      <c r="C62" s="195"/>
      <c r="D62" s="196"/>
      <c r="E62" s="37"/>
      <c r="F62" s="37"/>
      <c r="G62" s="38"/>
      <c r="H62" s="39"/>
      <c r="I62" s="40"/>
      <c r="J62" s="40"/>
      <c r="K62" s="40"/>
      <c r="L62" s="42"/>
    </row>
    <row r="63" spans="2:12" ht="7.5" customHeight="1" x14ac:dyDescent="0.15">
      <c r="B63" s="154"/>
      <c r="C63" s="415"/>
      <c r="D63" s="415"/>
      <c r="E63" s="44"/>
      <c r="F63" s="422"/>
      <c r="G63" s="418"/>
      <c r="H63" s="418"/>
      <c r="I63" s="423"/>
      <c r="J63" s="423"/>
      <c r="K63" s="423"/>
      <c r="L63" s="197"/>
    </row>
    <row r="64" spans="2:12" ht="17.25" customHeight="1" x14ac:dyDescent="0.15">
      <c r="B64" s="158"/>
      <c r="C64" s="421" t="s">
        <v>431</v>
      </c>
      <c r="D64" s="421" t="s">
        <v>432</v>
      </c>
      <c r="E64" s="198">
        <v>7</v>
      </c>
      <c r="F64" s="192">
        <v>9</v>
      </c>
      <c r="G64" s="139">
        <v>9</v>
      </c>
      <c r="H64" s="139">
        <v>0</v>
      </c>
      <c r="I64" s="139">
        <v>7</v>
      </c>
      <c r="J64" s="139">
        <v>0</v>
      </c>
      <c r="K64" s="193">
        <v>1.29</v>
      </c>
      <c r="L64" s="201">
        <v>0</v>
      </c>
    </row>
    <row r="65" spans="2:12" x14ac:dyDescent="0.15">
      <c r="B65" s="158"/>
      <c r="C65" s="421" t="s">
        <v>408</v>
      </c>
      <c r="D65" s="421" t="s">
        <v>433</v>
      </c>
      <c r="E65" s="198">
        <v>7</v>
      </c>
      <c r="F65" s="192">
        <v>1</v>
      </c>
      <c r="G65" s="139">
        <v>1</v>
      </c>
      <c r="H65" s="139">
        <v>0</v>
      </c>
      <c r="I65" s="139">
        <v>3</v>
      </c>
      <c r="J65" s="139">
        <v>0</v>
      </c>
      <c r="K65" s="193">
        <v>0.33</v>
      </c>
      <c r="L65" s="201">
        <v>4</v>
      </c>
    </row>
    <row r="66" spans="2:12" x14ac:dyDescent="0.15">
      <c r="B66" s="158"/>
      <c r="C66" s="400"/>
      <c r="D66" s="417" t="s">
        <v>289</v>
      </c>
      <c r="E66" s="181">
        <v>14</v>
      </c>
      <c r="F66" s="182">
        <v>10</v>
      </c>
      <c r="G66" s="330">
        <v>10</v>
      </c>
      <c r="H66" s="330">
        <v>0</v>
      </c>
      <c r="I66" s="330">
        <v>10</v>
      </c>
      <c r="J66" s="330">
        <v>0</v>
      </c>
      <c r="K66" s="245">
        <v>1</v>
      </c>
      <c r="L66" s="331">
        <v>4</v>
      </c>
    </row>
    <row r="67" spans="2:12" x14ac:dyDescent="0.15">
      <c r="B67" s="158"/>
      <c r="C67" s="153" t="s">
        <v>7</v>
      </c>
      <c r="D67" s="153" t="s">
        <v>8</v>
      </c>
      <c r="E67" s="198">
        <v>10</v>
      </c>
      <c r="F67" s="192">
        <v>10</v>
      </c>
      <c r="G67" s="139">
        <v>10</v>
      </c>
      <c r="H67" s="139">
        <v>0</v>
      </c>
      <c r="I67" s="139">
        <v>10</v>
      </c>
      <c r="J67" s="139">
        <v>0</v>
      </c>
      <c r="K67" s="193">
        <v>1</v>
      </c>
      <c r="L67" s="201">
        <v>0</v>
      </c>
    </row>
    <row r="68" spans="2:12" x14ac:dyDescent="0.15">
      <c r="B68" s="158"/>
      <c r="C68" s="153" t="s">
        <v>264</v>
      </c>
      <c r="D68" s="153" t="s">
        <v>9</v>
      </c>
      <c r="E68" s="198">
        <v>10</v>
      </c>
      <c r="F68" s="192">
        <v>5</v>
      </c>
      <c r="G68" s="139">
        <v>5</v>
      </c>
      <c r="H68" s="139">
        <v>0</v>
      </c>
      <c r="I68" s="139">
        <v>5</v>
      </c>
      <c r="J68" s="139">
        <v>0</v>
      </c>
      <c r="K68" s="193">
        <v>1</v>
      </c>
      <c r="L68" s="201">
        <v>5</v>
      </c>
    </row>
    <row r="69" spans="2:12" x14ac:dyDescent="0.15">
      <c r="B69" s="158"/>
      <c r="D69" s="417" t="s">
        <v>289</v>
      </c>
      <c r="E69" s="181">
        <v>20</v>
      </c>
      <c r="F69" s="182">
        <v>15</v>
      </c>
      <c r="G69" s="330">
        <v>15</v>
      </c>
      <c r="H69" s="330">
        <v>0</v>
      </c>
      <c r="I69" s="330">
        <v>15</v>
      </c>
      <c r="J69" s="330">
        <v>0</v>
      </c>
      <c r="K69" s="245">
        <v>1</v>
      </c>
      <c r="L69" s="331">
        <v>5</v>
      </c>
    </row>
    <row r="70" spans="2:12" ht="16.899999999999999" customHeight="1" x14ac:dyDescent="0.15">
      <c r="B70" s="158"/>
      <c r="C70" s="431" t="s">
        <v>161</v>
      </c>
      <c r="D70" s="432"/>
      <c r="E70" s="434">
        <v>34</v>
      </c>
      <c r="F70" s="435">
        <v>25</v>
      </c>
      <c r="G70" s="435">
        <v>25</v>
      </c>
      <c r="H70" s="435">
        <v>0</v>
      </c>
      <c r="I70" s="435">
        <v>25</v>
      </c>
      <c r="J70" s="435">
        <v>0</v>
      </c>
      <c r="K70" s="245">
        <v>1</v>
      </c>
      <c r="L70" s="331">
        <v>9</v>
      </c>
    </row>
    <row r="71" spans="2:12" ht="16.899999999999999" customHeight="1" x14ac:dyDescent="0.15">
      <c r="B71" s="158"/>
      <c r="C71" s="399" t="s">
        <v>440</v>
      </c>
      <c r="D71" s="433" t="s">
        <v>441</v>
      </c>
      <c r="E71" s="462">
        <v>10</v>
      </c>
      <c r="F71" s="192">
        <v>10</v>
      </c>
      <c r="G71" s="437">
        <v>10</v>
      </c>
      <c r="H71" s="437">
        <v>0</v>
      </c>
      <c r="I71" s="437">
        <v>10</v>
      </c>
      <c r="J71" s="139">
        <v>0</v>
      </c>
      <c r="K71" s="213">
        <v>1</v>
      </c>
      <c r="L71" s="201">
        <v>0</v>
      </c>
    </row>
    <row r="72" spans="2:12" ht="16.899999999999999" customHeight="1" x14ac:dyDescent="0.15">
      <c r="B72" s="158"/>
      <c r="C72" s="399" t="s">
        <v>442</v>
      </c>
      <c r="D72" s="433" t="s">
        <v>443</v>
      </c>
      <c r="E72" s="462">
        <v>8</v>
      </c>
      <c r="F72" s="192">
        <v>2</v>
      </c>
      <c r="G72" s="437">
        <v>2</v>
      </c>
      <c r="H72" s="437">
        <v>0</v>
      </c>
      <c r="I72" s="437">
        <v>2</v>
      </c>
      <c r="J72" s="139">
        <v>0</v>
      </c>
      <c r="K72" s="213">
        <v>1</v>
      </c>
      <c r="L72" s="201">
        <v>6</v>
      </c>
    </row>
    <row r="73" spans="2:12" ht="16.899999999999999" customHeight="1" x14ac:dyDescent="0.15">
      <c r="B73" s="158"/>
      <c r="C73" s="431" t="s">
        <v>362</v>
      </c>
      <c r="D73" s="432"/>
      <c r="E73" s="434">
        <v>18</v>
      </c>
      <c r="F73" s="435">
        <v>12</v>
      </c>
      <c r="G73" s="435">
        <v>12</v>
      </c>
      <c r="H73" s="435">
        <v>0</v>
      </c>
      <c r="I73" s="435">
        <v>12</v>
      </c>
      <c r="J73" s="435">
        <v>0</v>
      </c>
      <c r="K73" s="245">
        <v>1</v>
      </c>
      <c r="L73" s="331">
        <v>6</v>
      </c>
    </row>
    <row r="74" spans="2:12" ht="7.5" customHeight="1" x14ac:dyDescent="0.15">
      <c r="B74" s="158"/>
      <c r="C74" s="450"/>
      <c r="D74" s="450"/>
      <c r="E74" s="198"/>
      <c r="F74" s="192"/>
      <c r="G74" s="139"/>
      <c r="H74" s="139"/>
      <c r="I74" s="139"/>
      <c r="J74" s="139"/>
      <c r="K74" s="200"/>
      <c r="L74" s="201"/>
    </row>
    <row r="75" spans="2:12" ht="7.5" customHeight="1" x14ac:dyDescent="0.15">
      <c r="B75" s="171"/>
      <c r="C75" s="332"/>
      <c r="D75" s="332"/>
      <c r="E75" s="173"/>
      <c r="F75" s="174"/>
      <c r="G75" s="333"/>
      <c r="H75" s="333"/>
      <c r="I75" s="333"/>
      <c r="J75" s="333"/>
      <c r="K75" s="365"/>
      <c r="L75" s="334"/>
    </row>
    <row r="76" spans="2:12" x14ac:dyDescent="0.15">
      <c r="B76" s="158"/>
      <c r="C76" s="480" t="s">
        <v>64</v>
      </c>
      <c r="D76" s="481"/>
      <c r="E76" s="434">
        <v>52</v>
      </c>
      <c r="F76" s="435">
        <v>37</v>
      </c>
      <c r="G76" s="435">
        <v>37</v>
      </c>
      <c r="H76" s="435">
        <v>0</v>
      </c>
      <c r="I76" s="435">
        <v>37</v>
      </c>
      <c r="J76" s="435">
        <v>0</v>
      </c>
      <c r="K76" s="185">
        <v>1</v>
      </c>
      <c r="L76" s="246">
        <v>15</v>
      </c>
    </row>
    <row r="77" spans="2:12" ht="7.5" customHeight="1" x14ac:dyDescent="0.15">
      <c r="B77" s="160"/>
      <c r="C77" s="237"/>
      <c r="D77" s="237"/>
      <c r="E77" s="188"/>
      <c r="F77" s="189"/>
      <c r="G77" s="335"/>
      <c r="H77" s="335"/>
      <c r="I77" s="335"/>
      <c r="J77" s="335"/>
      <c r="K77" s="335"/>
      <c r="L77" s="191"/>
    </row>
    <row r="78" spans="2:12" ht="13.9" customHeight="1" x14ac:dyDescent="0.15">
      <c r="B78" s="301" t="s">
        <v>446</v>
      </c>
      <c r="C78" s="438"/>
      <c r="D78" s="438"/>
      <c r="E78" s="413"/>
      <c r="F78" s="413"/>
      <c r="G78" s="437"/>
      <c r="H78" s="437"/>
      <c r="I78" s="437"/>
      <c r="J78" s="437"/>
      <c r="K78" s="437"/>
      <c r="L78" s="439"/>
    </row>
    <row r="79" spans="2:12" ht="13.15" customHeight="1" x14ac:dyDescent="0.15">
      <c r="B79" s="301"/>
      <c r="C79" s="229"/>
      <c r="D79" s="229"/>
      <c r="E79" s="229"/>
      <c r="F79" s="229"/>
      <c r="G79" s="229"/>
      <c r="H79" s="229"/>
      <c r="I79" s="229"/>
      <c r="J79" s="229"/>
      <c r="K79" s="229"/>
      <c r="L79" s="229"/>
    </row>
    <row r="80" spans="2:12" ht="14.25" customHeight="1" x14ac:dyDescent="0.15">
      <c r="B80" s="153" t="s">
        <v>403</v>
      </c>
      <c r="E80" s="192"/>
      <c r="F80" s="192"/>
      <c r="L80" s="193"/>
    </row>
    <row r="81" spans="2:12" ht="7.5" customHeight="1" x14ac:dyDescent="0.15">
      <c r="B81" s="154"/>
      <c r="C81" s="155"/>
      <c r="D81" s="155"/>
      <c r="E81" s="251"/>
      <c r="F81" s="251"/>
      <c r="G81" s="223"/>
      <c r="H81" s="223"/>
      <c r="I81" s="223"/>
      <c r="J81" s="223"/>
      <c r="K81" s="223"/>
      <c r="L81" s="252"/>
    </row>
    <row r="82" spans="2:12" ht="15.75" customHeight="1" x14ac:dyDescent="0.15">
      <c r="B82" s="158"/>
      <c r="E82" s="14"/>
      <c r="F82" s="15"/>
      <c r="G82" s="16" t="s">
        <v>204</v>
      </c>
      <c r="H82" s="16"/>
      <c r="I82" s="20"/>
      <c r="J82" s="20" t="s">
        <v>91</v>
      </c>
      <c r="K82" s="21"/>
      <c r="L82" s="22"/>
    </row>
    <row r="83" spans="2:12" ht="14.25" customHeight="1" x14ac:dyDescent="0.15">
      <c r="B83" s="158"/>
      <c r="C83" s="153" t="s">
        <v>59</v>
      </c>
      <c r="D83" s="153" t="s">
        <v>383</v>
      </c>
      <c r="E83" s="23" t="s">
        <v>58</v>
      </c>
      <c r="F83" s="23" t="s">
        <v>88</v>
      </c>
      <c r="G83" s="447" t="s">
        <v>458</v>
      </c>
      <c r="H83" s="24" t="s">
        <v>367</v>
      </c>
      <c r="I83" s="27" t="s">
        <v>132</v>
      </c>
      <c r="J83" s="27" t="s">
        <v>135</v>
      </c>
      <c r="K83" s="24" t="s">
        <v>45</v>
      </c>
      <c r="L83" s="28" t="s">
        <v>92</v>
      </c>
    </row>
    <row r="84" spans="2:12" ht="14.25" customHeight="1" x14ac:dyDescent="0.15">
      <c r="B84" s="158"/>
      <c r="C84" s="449"/>
      <c r="D84" s="264"/>
      <c r="E84" s="26"/>
      <c r="F84" s="29" t="s">
        <v>366</v>
      </c>
      <c r="G84" s="30" t="s">
        <v>0</v>
      </c>
      <c r="H84" s="30" t="s">
        <v>205</v>
      </c>
      <c r="I84" s="26" t="s">
        <v>43</v>
      </c>
      <c r="J84" s="26" t="s">
        <v>371</v>
      </c>
      <c r="K84" s="33" t="s">
        <v>368</v>
      </c>
      <c r="L84" s="358"/>
    </row>
    <row r="85" spans="2:12" ht="7.5" customHeight="1" x14ac:dyDescent="0.15">
      <c r="B85" s="160"/>
      <c r="C85" s="195"/>
      <c r="D85" s="196"/>
      <c r="E85" s="37"/>
      <c r="F85" s="37"/>
      <c r="G85" s="38"/>
      <c r="H85" s="39"/>
      <c r="I85" s="40"/>
      <c r="J85" s="40"/>
      <c r="K85" s="40"/>
      <c r="L85" s="42"/>
    </row>
    <row r="86" spans="2:12" ht="7.5" customHeight="1" x14ac:dyDescent="0.15">
      <c r="B86" s="154"/>
      <c r="C86" s="449"/>
      <c r="D86" s="449"/>
      <c r="E86" s="254"/>
      <c r="F86" s="255"/>
      <c r="G86" s="449"/>
      <c r="H86" s="449"/>
      <c r="I86" s="449"/>
      <c r="J86" s="449"/>
      <c r="K86" s="449"/>
      <c r="L86" s="256"/>
    </row>
    <row r="87" spans="2:12" ht="12.95" customHeight="1" x14ac:dyDescent="0.15">
      <c r="B87" s="158"/>
      <c r="C87" s="248" t="s">
        <v>175</v>
      </c>
      <c r="D87" s="248" t="s">
        <v>404</v>
      </c>
      <c r="E87" s="386">
        <v>21</v>
      </c>
      <c r="F87" s="192">
        <v>10</v>
      </c>
      <c r="G87" s="139">
        <v>9</v>
      </c>
      <c r="H87" s="139">
        <v>1</v>
      </c>
      <c r="I87" s="446">
        <v>10</v>
      </c>
      <c r="J87" s="139">
        <v>0</v>
      </c>
      <c r="K87" s="193">
        <v>1</v>
      </c>
      <c r="L87" s="201">
        <v>11</v>
      </c>
    </row>
    <row r="88" spans="2:12" ht="12.95" customHeight="1" x14ac:dyDescent="0.15">
      <c r="B88" s="158"/>
      <c r="C88" s="248" t="s">
        <v>453</v>
      </c>
      <c r="D88" s="248" t="s">
        <v>404</v>
      </c>
      <c r="E88" s="386">
        <v>21</v>
      </c>
      <c r="F88" s="192">
        <v>10</v>
      </c>
      <c r="G88" s="192">
        <v>9</v>
      </c>
      <c r="H88" s="192">
        <v>1</v>
      </c>
      <c r="I88" s="192">
        <v>10</v>
      </c>
      <c r="J88" s="139">
        <v>0</v>
      </c>
      <c r="K88" s="213">
        <v>1</v>
      </c>
      <c r="L88" s="201">
        <v>11</v>
      </c>
    </row>
    <row r="89" spans="2:12" ht="12.95" customHeight="1" x14ac:dyDescent="0.15">
      <c r="B89" s="158"/>
      <c r="C89" s="248" t="s">
        <v>449</v>
      </c>
      <c r="D89" s="248" t="s">
        <v>404</v>
      </c>
      <c r="E89" s="386">
        <v>21</v>
      </c>
      <c r="F89" s="192">
        <v>5</v>
      </c>
      <c r="G89" s="192">
        <v>5</v>
      </c>
      <c r="H89" s="192">
        <v>0</v>
      </c>
      <c r="I89" s="192">
        <v>5</v>
      </c>
      <c r="J89" s="139">
        <v>0</v>
      </c>
      <c r="K89" s="213">
        <v>1</v>
      </c>
      <c r="L89" s="201">
        <v>16</v>
      </c>
    </row>
    <row r="90" spans="2:12" ht="12.95" customHeight="1" x14ac:dyDescent="0.15">
      <c r="B90" s="158"/>
      <c r="C90" s="248" t="s">
        <v>176</v>
      </c>
      <c r="D90" s="248" t="s">
        <v>404</v>
      </c>
      <c r="E90" s="386">
        <v>21</v>
      </c>
      <c r="F90" s="192">
        <v>5</v>
      </c>
      <c r="G90" s="192">
        <v>5</v>
      </c>
      <c r="H90" s="192">
        <v>0</v>
      </c>
      <c r="I90" s="192">
        <v>5</v>
      </c>
      <c r="J90" s="139">
        <v>0</v>
      </c>
      <c r="K90" s="213">
        <v>1</v>
      </c>
      <c r="L90" s="201">
        <v>16</v>
      </c>
    </row>
    <row r="91" spans="2:12" ht="12.95" customHeight="1" x14ac:dyDescent="0.15">
      <c r="B91" s="158"/>
      <c r="C91" s="248" t="s">
        <v>450</v>
      </c>
      <c r="D91" s="248" t="s">
        <v>404</v>
      </c>
      <c r="E91" s="386">
        <v>21</v>
      </c>
      <c r="F91" s="192">
        <v>5</v>
      </c>
      <c r="G91" s="192">
        <v>4</v>
      </c>
      <c r="H91" s="192">
        <v>1</v>
      </c>
      <c r="I91" s="192">
        <v>5</v>
      </c>
      <c r="J91" s="139">
        <v>0</v>
      </c>
      <c r="K91" s="213">
        <v>1</v>
      </c>
      <c r="L91" s="201">
        <v>16</v>
      </c>
    </row>
    <row r="92" spans="2:12" ht="12.95" customHeight="1" x14ac:dyDescent="0.15">
      <c r="B92" s="158"/>
      <c r="C92" s="248" t="s">
        <v>177</v>
      </c>
      <c r="D92" s="248" t="s">
        <v>404</v>
      </c>
      <c r="E92" s="386">
        <v>21</v>
      </c>
      <c r="F92" s="192">
        <v>16</v>
      </c>
      <c r="G92" s="192">
        <v>16</v>
      </c>
      <c r="H92" s="192">
        <v>0</v>
      </c>
      <c r="I92" s="192">
        <v>16</v>
      </c>
      <c r="J92" s="139">
        <v>0</v>
      </c>
      <c r="K92" s="213">
        <v>1</v>
      </c>
      <c r="L92" s="201">
        <v>5</v>
      </c>
    </row>
    <row r="93" spans="2:12" ht="12.95" customHeight="1" x14ac:dyDescent="0.15">
      <c r="B93" s="158"/>
      <c r="C93" s="248" t="s">
        <v>178</v>
      </c>
      <c r="D93" s="248" t="s">
        <v>404</v>
      </c>
      <c r="E93" s="386">
        <v>21</v>
      </c>
      <c r="F93" s="192">
        <v>14</v>
      </c>
      <c r="G93" s="192">
        <v>14</v>
      </c>
      <c r="H93" s="192">
        <v>0</v>
      </c>
      <c r="I93" s="192">
        <v>14</v>
      </c>
      <c r="J93" s="139">
        <v>0</v>
      </c>
      <c r="K93" s="213">
        <v>1</v>
      </c>
      <c r="L93" s="201">
        <v>7</v>
      </c>
    </row>
    <row r="94" spans="2:12" ht="12.95" customHeight="1" x14ac:dyDescent="0.15">
      <c r="B94" s="158"/>
      <c r="C94" s="248" t="s">
        <v>451</v>
      </c>
      <c r="D94" s="248" t="s">
        <v>404</v>
      </c>
      <c r="E94" s="386">
        <v>21</v>
      </c>
      <c r="F94" s="192">
        <v>9</v>
      </c>
      <c r="G94" s="192">
        <v>9</v>
      </c>
      <c r="H94" s="192">
        <v>0</v>
      </c>
      <c r="I94" s="192">
        <v>9</v>
      </c>
      <c r="J94" s="139">
        <v>0</v>
      </c>
      <c r="K94" s="213">
        <v>1</v>
      </c>
      <c r="L94" s="201">
        <v>12</v>
      </c>
    </row>
    <row r="95" spans="2:12" ht="12.95" customHeight="1" x14ac:dyDescent="0.15">
      <c r="B95" s="158"/>
      <c r="C95" s="248" t="s">
        <v>193</v>
      </c>
      <c r="D95" s="248" t="s">
        <v>404</v>
      </c>
      <c r="E95" s="386">
        <v>21</v>
      </c>
      <c r="F95" s="192">
        <v>19</v>
      </c>
      <c r="G95" s="192">
        <v>19</v>
      </c>
      <c r="H95" s="192">
        <v>0</v>
      </c>
      <c r="I95" s="192">
        <v>19</v>
      </c>
      <c r="J95" s="139">
        <v>0</v>
      </c>
      <c r="K95" s="213">
        <v>1</v>
      </c>
      <c r="L95" s="201">
        <v>2</v>
      </c>
    </row>
    <row r="96" spans="2:12" ht="12.95" customHeight="1" x14ac:dyDescent="0.15">
      <c r="B96" s="158"/>
      <c r="C96" s="248" t="s">
        <v>192</v>
      </c>
      <c r="D96" s="248" t="s">
        <v>404</v>
      </c>
      <c r="E96" s="386">
        <v>21</v>
      </c>
      <c r="F96" s="192">
        <v>13</v>
      </c>
      <c r="G96" s="192">
        <v>13</v>
      </c>
      <c r="H96" s="192">
        <v>0</v>
      </c>
      <c r="I96" s="192">
        <v>13</v>
      </c>
      <c r="J96" s="139">
        <v>0</v>
      </c>
      <c r="K96" s="213">
        <v>1</v>
      </c>
      <c r="L96" s="201">
        <v>8</v>
      </c>
    </row>
    <row r="97" spans="2:12" ht="12.95" customHeight="1" x14ac:dyDescent="0.15">
      <c r="B97" s="158"/>
      <c r="C97" s="248" t="s">
        <v>179</v>
      </c>
      <c r="D97" s="248" t="s">
        <v>404</v>
      </c>
      <c r="E97" s="386">
        <v>21</v>
      </c>
      <c r="F97" s="192">
        <v>10</v>
      </c>
      <c r="G97" s="192">
        <v>10</v>
      </c>
      <c r="H97" s="192">
        <v>0</v>
      </c>
      <c r="I97" s="192">
        <v>10</v>
      </c>
      <c r="J97" s="139">
        <v>0</v>
      </c>
      <c r="K97" s="213">
        <v>1</v>
      </c>
      <c r="L97" s="201">
        <v>11</v>
      </c>
    </row>
    <row r="98" spans="2:12" ht="12.75" customHeight="1" x14ac:dyDescent="0.15">
      <c r="B98" s="158"/>
      <c r="C98" s="248" t="s">
        <v>186</v>
      </c>
      <c r="D98" s="248" t="s">
        <v>404</v>
      </c>
      <c r="E98" s="386">
        <v>21</v>
      </c>
      <c r="F98" s="192">
        <v>12</v>
      </c>
      <c r="G98" s="192">
        <v>12</v>
      </c>
      <c r="H98" s="192">
        <v>0</v>
      </c>
      <c r="I98" s="192">
        <v>12</v>
      </c>
      <c r="J98" s="139">
        <v>0</v>
      </c>
      <c r="K98" s="213">
        <v>1</v>
      </c>
      <c r="L98" s="201">
        <v>9</v>
      </c>
    </row>
    <row r="99" spans="2:12" ht="12.75" customHeight="1" x14ac:dyDescent="0.15">
      <c r="B99" s="158"/>
      <c r="C99" s="248" t="s">
        <v>435</v>
      </c>
      <c r="D99" s="248" t="s">
        <v>404</v>
      </c>
      <c r="E99" s="386">
        <v>21</v>
      </c>
      <c r="F99" s="192">
        <v>16</v>
      </c>
      <c r="G99" s="192">
        <v>16</v>
      </c>
      <c r="H99" s="192">
        <v>0</v>
      </c>
      <c r="I99" s="192">
        <v>16</v>
      </c>
      <c r="J99" s="139">
        <v>0</v>
      </c>
      <c r="K99" s="213">
        <v>1</v>
      </c>
      <c r="L99" s="201">
        <v>5</v>
      </c>
    </row>
    <row r="100" spans="2:12" ht="12.95" customHeight="1" x14ac:dyDescent="0.15">
      <c r="B100" s="158"/>
      <c r="C100" s="248" t="s">
        <v>190</v>
      </c>
      <c r="D100" s="248" t="s">
        <v>404</v>
      </c>
      <c r="E100" s="386">
        <v>21</v>
      </c>
      <c r="F100" s="192">
        <v>16</v>
      </c>
      <c r="G100" s="192">
        <v>16</v>
      </c>
      <c r="H100" s="192">
        <v>0</v>
      </c>
      <c r="I100" s="192">
        <v>16</v>
      </c>
      <c r="J100" s="139">
        <v>0</v>
      </c>
      <c r="K100" s="213">
        <v>1</v>
      </c>
      <c r="L100" s="201">
        <v>5</v>
      </c>
    </row>
    <row r="101" spans="2:12" ht="12.95" customHeight="1" x14ac:dyDescent="0.15">
      <c r="B101" s="158"/>
      <c r="C101" s="248" t="s">
        <v>188</v>
      </c>
      <c r="D101" s="248" t="s">
        <v>404</v>
      </c>
      <c r="E101" s="386">
        <v>21</v>
      </c>
      <c r="F101" s="192">
        <v>22</v>
      </c>
      <c r="G101" s="192">
        <v>22</v>
      </c>
      <c r="H101" s="192">
        <v>0</v>
      </c>
      <c r="I101" s="192">
        <v>21</v>
      </c>
      <c r="J101" s="139">
        <v>0</v>
      </c>
      <c r="K101" s="213">
        <v>1.05</v>
      </c>
      <c r="L101" s="201">
        <v>0</v>
      </c>
    </row>
    <row r="102" spans="2:12" ht="12.95" customHeight="1" x14ac:dyDescent="0.15">
      <c r="B102" s="158"/>
      <c r="C102" s="248" t="s">
        <v>189</v>
      </c>
      <c r="D102" s="248" t="s">
        <v>404</v>
      </c>
      <c r="E102" s="386">
        <v>21</v>
      </c>
      <c r="F102" s="192">
        <v>21</v>
      </c>
      <c r="G102" s="192">
        <v>21</v>
      </c>
      <c r="H102" s="192">
        <v>0</v>
      </c>
      <c r="I102" s="192">
        <v>21</v>
      </c>
      <c r="J102" s="139">
        <v>0</v>
      </c>
      <c r="K102" s="213">
        <v>1</v>
      </c>
      <c r="L102" s="201">
        <v>0</v>
      </c>
    </row>
    <row r="103" spans="2:12" ht="12.95" customHeight="1" x14ac:dyDescent="0.15">
      <c r="B103" s="158"/>
      <c r="C103" s="248" t="s">
        <v>191</v>
      </c>
      <c r="D103" s="248" t="s">
        <v>404</v>
      </c>
      <c r="E103" s="386">
        <v>21</v>
      </c>
      <c r="F103" s="192">
        <v>9</v>
      </c>
      <c r="G103" s="192">
        <v>9</v>
      </c>
      <c r="H103" s="192">
        <v>0</v>
      </c>
      <c r="I103" s="192">
        <v>9</v>
      </c>
      <c r="J103" s="139">
        <v>0</v>
      </c>
      <c r="K103" s="213">
        <v>1</v>
      </c>
      <c r="L103" s="201">
        <v>12</v>
      </c>
    </row>
    <row r="104" spans="2:12" ht="12.95" customHeight="1" x14ac:dyDescent="0.15">
      <c r="B104" s="158"/>
      <c r="C104" s="248" t="s">
        <v>187</v>
      </c>
      <c r="D104" s="248" t="s">
        <v>404</v>
      </c>
      <c r="E104" s="386">
        <v>21</v>
      </c>
      <c r="F104" s="192">
        <v>9</v>
      </c>
      <c r="G104" s="192">
        <v>9</v>
      </c>
      <c r="H104" s="192">
        <v>0</v>
      </c>
      <c r="I104" s="192">
        <v>9</v>
      </c>
      <c r="J104" s="139">
        <v>0</v>
      </c>
      <c r="K104" s="213">
        <v>1</v>
      </c>
      <c r="L104" s="201">
        <v>12</v>
      </c>
    </row>
    <row r="105" spans="2:12" ht="7.5" customHeight="1" x14ac:dyDescent="0.15">
      <c r="B105" s="160"/>
      <c r="C105" s="237"/>
      <c r="D105" s="237"/>
      <c r="E105" s="387"/>
      <c r="F105" s="189"/>
      <c r="G105" s="335"/>
      <c r="H105" s="335"/>
      <c r="I105" s="335"/>
      <c r="J105" s="335"/>
      <c r="K105" s="366"/>
      <c r="L105" s="367"/>
    </row>
    <row r="106" spans="2:12" ht="7.5" customHeight="1" x14ac:dyDescent="0.15">
      <c r="B106" s="171"/>
      <c r="C106" s="332"/>
      <c r="D106" s="332"/>
      <c r="E106" s="388"/>
      <c r="F106" s="174"/>
      <c r="G106" s="333"/>
      <c r="H106" s="333"/>
      <c r="I106" s="333"/>
      <c r="J106" s="333"/>
      <c r="K106" s="365"/>
      <c r="L106" s="334"/>
    </row>
    <row r="107" spans="2:12" x14ac:dyDescent="0.15">
      <c r="B107" s="158"/>
      <c r="C107" s="480" t="s">
        <v>64</v>
      </c>
      <c r="D107" s="481"/>
      <c r="E107" s="463">
        <v>378</v>
      </c>
      <c r="F107" s="182">
        <v>221</v>
      </c>
      <c r="G107" s="182">
        <v>218</v>
      </c>
      <c r="H107" s="182">
        <v>3</v>
      </c>
      <c r="I107" s="182">
        <v>220</v>
      </c>
      <c r="J107" s="182">
        <v>0</v>
      </c>
      <c r="K107" s="185">
        <v>1</v>
      </c>
      <c r="L107" s="246">
        <v>158</v>
      </c>
    </row>
    <row r="108" spans="2:12" ht="7.5" customHeight="1" x14ac:dyDescent="0.15">
      <c r="B108" s="160"/>
      <c r="C108" s="237"/>
      <c r="D108" s="237"/>
      <c r="E108" s="188"/>
      <c r="F108" s="189"/>
      <c r="G108" s="335"/>
      <c r="H108" s="335"/>
      <c r="I108" s="335"/>
      <c r="J108" s="335"/>
      <c r="K108" s="335"/>
      <c r="L108" s="191"/>
    </row>
    <row r="109" spans="2:12" x14ac:dyDescent="0.15">
      <c r="B109" s="414" t="s">
        <v>456</v>
      </c>
      <c r="E109" s="192"/>
      <c r="F109" s="192"/>
      <c r="L109" s="193"/>
    </row>
    <row r="110" spans="2:12" ht="13.5" customHeight="1" x14ac:dyDescent="0.15">
      <c r="E110" s="192"/>
      <c r="F110" s="192"/>
      <c r="L110" s="193"/>
    </row>
    <row r="111" spans="2:12" ht="14.25" customHeight="1" x14ac:dyDescent="0.15">
      <c r="B111" s="153" t="s">
        <v>163</v>
      </c>
      <c r="E111" s="192"/>
      <c r="F111" s="192"/>
      <c r="L111" s="193"/>
    </row>
    <row r="112" spans="2:12" ht="7.5" customHeight="1" x14ac:dyDescent="0.15">
      <c r="B112" s="154"/>
      <c r="C112" s="155"/>
      <c r="D112" s="155"/>
      <c r="E112" s="251"/>
      <c r="F112" s="251"/>
      <c r="G112" s="223"/>
      <c r="H112" s="223"/>
      <c r="I112" s="223"/>
      <c r="J112" s="223"/>
      <c r="K112" s="223"/>
      <c r="L112" s="252"/>
    </row>
    <row r="113" spans="1:13" ht="15.75" customHeight="1" x14ac:dyDescent="0.15">
      <c r="B113" s="158"/>
      <c r="E113" s="14"/>
      <c r="F113" s="15"/>
      <c r="G113" s="16" t="s">
        <v>204</v>
      </c>
      <c r="H113" s="16"/>
      <c r="I113" s="20"/>
      <c r="J113" s="20" t="s">
        <v>91</v>
      </c>
      <c r="K113" s="21"/>
      <c r="L113" s="22"/>
    </row>
    <row r="114" spans="1:13" ht="14.25" customHeight="1" x14ac:dyDescent="0.15">
      <c r="B114" s="158"/>
      <c r="C114" s="153" t="s">
        <v>59</v>
      </c>
      <c r="D114" s="153" t="s">
        <v>361</v>
      </c>
      <c r="E114" s="23" t="s">
        <v>58</v>
      </c>
      <c r="F114" s="23" t="s">
        <v>88</v>
      </c>
      <c r="G114" s="447" t="s">
        <v>457</v>
      </c>
      <c r="H114" s="24" t="s">
        <v>367</v>
      </c>
      <c r="I114" s="27" t="s">
        <v>132</v>
      </c>
      <c r="J114" s="27" t="s">
        <v>135</v>
      </c>
      <c r="K114" s="24" t="s">
        <v>45</v>
      </c>
      <c r="L114" s="28" t="s">
        <v>92</v>
      </c>
    </row>
    <row r="115" spans="1:13" ht="14.25" customHeight="1" x14ac:dyDescent="0.15">
      <c r="B115" s="158"/>
      <c r="C115" s="449"/>
      <c r="D115" s="264"/>
      <c r="E115" s="26"/>
      <c r="F115" s="29" t="s">
        <v>366</v>
      </c>
      <c r="G115" s="30" t="s">
        <v>0</v>
      </c>
      <c r="H115" s="30" t="s">
        <v>205</v>
      </c>
      <c r="I115" s="26" t="s">
        <v>43</v>
      </c>
      <c r="J115" s="26" t="s">
        <v>371</v>
      </c>
      <c r="K115" s="33" t="s">
        <v>368</v>
      </c>
      <c r="L115" s="358"/>
    </row>
    <row r="116" spans="1:13" ht="7.5" customHeight="1" x14ac:dyDescent="0.15">
      <c r="B116" s="160"/>
      <c r="C116" s="195"/>
      <c r="D116" s="196"/>
      <c r="E116" s="37"/>
      <c r="F116" s="37"/>
      <c r="G116" s="38"/>
      <c r="H116" s="39"/>
      <c r="I116" s="40"/>
      <c r="J116" s="40"/>
      <c r="K116" s="40"/>
      <c r="L116" s="42"/>
    </row>
    <row r="117" spans="1:13" ht="7.5" customHeight="1" x14ac:dyDescent="0.15">
      <c r="B117" s="154"/>
      <c r="C117" s="449"/>
      <c r="D117" s="449"/>
      <c r="E117" s="254"/>
      <c r="F117" s="255"/>
      <c r="G117" s="449"/>
      <c r="H117" s="449"/>
      <c r="I117" s="449"/>
      <c r="J117" s="449"/>
      <c r="K117" s="449"/>
      <c r="L117" s="256"/>
    </row>
    <row r="118" spans="1:13" x14ac:dyDescent="0.15">
      <c r="B118" s="158"/>
      <c r="C118" s="153" t="s">
        <v>164</v>
      </c>
      <c r="D118" s="153" t="s">
        <v>359</v>
      </c>
      <c r="E118" s="198">
        <v>10</v>
      </c>
      <c r="F118" s="192">
        <v>0</v>
      </c>
      <c r="G118" s="192">
        <v>0</v>
      </c>
      <c r="H118" s="192">
        <v>0</v>
      </c>
      <c r="I118" s="192">
        <v>0</v>
      </c>
      <c r="J118" s="139">
        <v>0</v>
      </c>
      <c r="K118" s="213">
        <v>0</v>
      </c>
      <c r="L118" s="201">
        <v>10</v>
      </c>
    </row>
    <row r="119" spans="1:13" x14ac:dyDescent="0.15">
      <c r="B119" s="158"/>
      <c r="C119" s="153" t="s">
        <v>165</v>
      </c>
      <c r="D119" s="153" t="s">
        <v>359</v>
      </c>
      <c r="E119" s="198">
        <v>5</v>
      </c>
      <c r="F119" s="192">
        <v>1</v>
      </c>
      <c r="G119" s="192">
        <v>1</v>
      </c>
      <c r="H119" s="192">
        <v>0</v>
      </c>
      <c r="I119" s="192">
        <v>1</v>
      </c>
      <c r="J119" s="139">
        <v>0</v>
      </c>
      <c r="K119" s="213">
        <v>1</v>
      </c>
      <c r="L119" s="201">
        <v>4</v>
      </c>
    </row>
    <row r="120" spans="1:13" x14ac:dyDescent="0.15">
      <c r="B120" s="158"/>
      <c r="C120" s="153" t="s">
        <v>360</v>
      </c>
      <c r="D120" s="153" t="s">
        <v>140</v>
      </c>
      <c r="E120" s="198">
        <v>10</v>
      </c>
      <c r="F120" s="192">
        <v>0</v>
      </c>
      <c r="G120" s="192">
        <v>0</v>
      </c>
      <c r="H120" s="192">
        <v>0</v>
      </c>
      <c r="I120" s="192">
        <v>0</v>
      </c>
      <c r="J120" s="139">
        <v>0</v>
      </c>
      <c r="K120" s="213">
        <v>0</v>
      </c>
      <c r="L120" s="201">
        <v>10</v>
      </c>
    </row>
    <row r="121" spans="1:13" x14ac:dyDescent="0.15">
      <c r="B121" s="158"/>
      <c r="C121" s="153" t="s">
        <v>296</v>
      </c>
      <c r="D121" s="153" t="s">
        <v>166</v>
      </c>
      <c r="E121" s="198">
        <v>10</v>
      </c>
      <c r="F121" s="192">
        <v>0</v>
      </c>
      <c r="G121" s="192">
        <v>0</v>
      </c>
      <c r="H121" s="192">
        <v>0</v>
      </c>
      <c r="I121" s="192">
        <v>0</v>
      </c>
      <c r="J121" s="139">
        <v>0</v>
      </c>
      <c r="K121" s="213">
        <v>0</v>
      </c>
      <c r="L121" s="201">
        <v>10</v>
      </c>
    </row>
    <row r="122" spans="1:13" ht="7.5" customHeight="1" x14ac:dyDescent="0.15">
      <c r="B122" s="158"/>
      <c r="C122" s="450"/>
      <c r="D122" s="450"/>
      <c r="E122" s="198"/>
      <c r="F122" s="192"/>
      <c r="G122" s="139"/>
      <c r="H122" s="139"/>
      <c r="I122" s="139"/>
      <c r="J122" s="139"/>
      <c r="K122" s="200"/>
      <c r="L122" s="201"/>
    </row>
    <row r="123" spans="1:13" ht="7.5" customHeight="1" x14ac:dyDescent="0.15">
      <c r="B123" s="171"/>
      <c r="C123" s="332"/>
      <c r="D123" s="332"/>
      <c r="E123" s="173"/>
      <c r="F123" s="174"/>
      <c r="G123" s="333"/>
      <c r="H123" s="333"/>
      <c r="I123" s="333"/>
      <c r="J123" s="333"/>
      <c r="K123" s="365"/>
      <c r="L123" s="334"/>
    </row>
    <row r="124" spans="1:13" x14ac:dyDescent="0.15">
      <c r="B124" s="158"/>
      <c r="C124" s="480" t="s">
        <v>64</v>
      </c>
      <c r="D124" s="481"/>
      <c r="E124" s="181">
        <v>35</v>
      </c>
      <c r="F124" s="182">
        <v>1</v>
      </c>
      <c r="G124" s="182">
        <v>1</v>
      </c>
      <c r="H124" s="182">
        <v>0</v>
      </c>
      <c r="I124" s="182">
        <v>1</v>
      </c>
      <c r="J124" s="182">
        <v>0</v>
      </c>
      <c r="K124" s="185">
        <v>1</v>
      </c>
      <c r="L124" s="246">
        <v>34</v>
      </c>
    </row>
    <row r="125" spans="1:13" ht="7.5" customHeight="1" x14ac:dyDescent="0.15">
      <c r="B125" s="160"/>
      <c r="C125" s="237"/>
      <c r="D125" s="237"/>
      <c r="E125" s="188"/>
      <c r="F125" s="189"/>
      <c r="G125" s="335"/>
      <c r="H125" s="335"/>
      <c r="I125" s="335"/>
      <c r="J125" s="335"/>
      <c r="K125" s="335"/>
      <c r="L125" s="191"/>
    </row>
    <row r="126" spans="1:13" x14ac:dyDescent="0.15">
      <c r="B126" s="487"/>
      <c r="C126" s="487"/>
      <c r="D126" s="487"/>
      <c r="E126" s="487"/>
      <c r="F126" s="487"/>
      <c r="G126" s="487"/>
      <c r="H126" s="487"/>
      <c r="I126" s="487"/>
      <c r="J126" s="487"/>
      <c r="K126" s="487"/>
      <c r="L126" s="487"/>
    </row>
    <row r="127" spans="1:13" x14ac:dyDescent="0.15">
      <c r="B127" s="453"/>
      <c r="C127" s="453"/>
      <c r="D127" s="453"/>
      <c r="E127" s="453"/>
      <c r="F127" s="453"/>
      <c r="G127" s="453"/>
      <c r="H127" s="453"/>
      <c r="I127" s="453"/>
      <c r="J127" s="453"/>
      <c r="K127" s="453"/>
      <c r="L127" s="453"/>
    </row>
    <row r="128" spans="1:13" s="46" customFormat="1" ht="14.25" x14ac:dyDescent="0.15">
      <c r="A128" s="5" t="s">
        <v>382</v>
      </c>
      <c r="C128" s="323"/>
      <c r="E128" s="49"/>
      <c r="F128" s="49"/>
      <c r="L128" s="322"/>
      <c r="M128" s="153"/>
    </row>
    <row r="129" spans="2:13" s="46" customFormat="1" ht="6.75" customHeight="1" x14ac:dyDescent="0.2">
      <c r="B129" s="357"/>
      <c r="C129" s="323"/>
      <c r="E129" s="49"/>
      <c r="F129" s="49"/>
      <c r="L129" s="322"/>
      <c r="M129" s="153"/>
    </row>
    <row r="130" spans="2:13" ht="14.25" customHeight="1" x14ac:dyDescent="0.15">
      <c r="B130" s="153" t="s">
        <v>168</v>
      </c>
      <c r="E130" s="192"/>
      <c r="F130" s="192"/>
      <c r="L130" s="193"/>
    </row>
    <row r="131" spans="2:13" ht="7.5" customHeight="1" x14ac:dyDescent="0.15">
      <c r="B131" s="154"/>
      <c r="C131" s="155"/>
      <c r="D131" s="155"/>
      <c r="E131" s="251"/>
      <c r="F131" s="251"/>
      <c r="G131" s="223"/>
      <c r="H131" s="223"/>
      <c r="I131" s="223"/>
      <c r="J131" s="223"/>
      <c r="K131" s="223"/>
      <c r="L131" s="252"/>
    </row>
    <row r="132" spans="2:13" ht="15.75" customHeight="1" x14ac:dyDescent="0.15">
      <c r="B132" s="158"/>
      <c r="E132" s="14"/>
      <c r="F132" s="15"/>
      <c r="G132" s="16" t="s">
        <v>204</v>
      </c>
      <c r="H132" s="16"/>
      <c r="I132" s="20"/>
      <c r="J132" s="20" t="s">
        <v>91</v>
      </c>
      <c r="K132" s="21"/>
      <c r="L132" s="22"/>
    </row>
    <row r="133" spans="2:13" ht="14.25" customHeight="1" x14ac:dyDescent="0.15">
      <c r="B133" s="158"/>
      <c r="C133" s="153" t="s">
        <v>59</v>
      </c>
      <c r="D133" s="153" t="s">
        <v>61</v>
      </c>
      <c r="E133" s="23" t="s">
        <v>58</v>
      </c>
      <c r="F133" s="23" t="s">
        <v>88</v>
      </c>
      <c r="G133" s="447" t="s">
        <v>457</v>
      </c>
      <c r="H133" s="24" t="s">
        <v>367</v>
      </c>
      <c r="I133" s="27" t="s">
        <v>132</v>
      </c>
      <c r="J133" s="27" t="s">
        <v>135</v>
      </c>
      <c r="K133" s="24" t="s">
        <v>208</v>
      </c>
      <c r="L133" s="28" t="s">
        <v>92</v>
      </c>
    </row>
    <row r="134" spans="2:13" ht="14.25" customHeight="1" x14ac:dyDescent="0.15">
      <c r="B134" s="158"/>
      <c r="C134" s="449"/>
      <c r="D134" s="264"/>
      <c r="E134" s="26"/>
      <c r="F134" s="29" t="s">
        <v>366</v>
      </c>
      <c r="G134" s="30" t="s">
        <v>0</v>
      </c>
      <c r="H134" s="30" t="s">
        <v>205</v>
      </c>
      <c r="I134" s="26" t="s">
        <v>43</v>
      </c>
      <c r="J134" s="26" t="s">
        <v>371</v>
      </c>
      <c r="K134" s="33" t="s">
        <v>368</v>
      </c>
      <c r="L134" s="358"/>
    </row>
    <row r="135" spans="2:13" ht="7.5" customHeight="1" x14ac:dyDescent="0.15">
      <c r="B135" s="160"/>
      <c r="C135" s="195"/>
      <c r="D135" s="196"/>
      <c r="E135" s="37"/>
      <c r="F135" s="37"/>
      <c r="G135" s="38"/>
      <c r="H135" s="39"/>
      <c r="I135" s="40"/>
      <c r="J135" s="40"/>
      <c r="K135" s="40"/>
      <c r="L135" s="42"/>
    </row>
    <row r="136" spans="2:13" ht="7.5" customHeight="1" x14ac:dyDescent="0.15">
      <c r="B136" s="154"/>
      <c r="C136" s="223"/>
      <c r="D136" s="223"/>
      <c r="E136" s="368"/>
      <c r="F136" s="369"/>
      <c r="G136" s="370"/>
      <c r="H136" s="370"/>
      <c r="I136" s="370"/>
      <c r="J136" s="370"/>
      <c r="K136" s="370"/>
      <c r="L136" s="252"/>
    </row>
    <row r="137" spans="2:13" ht="14.25" customHeight="1" x14ac:dyDescent="0.15">
      <c r="B137" s="158"/>
      <c r="C137" s="153" t="s">
        <v>121</v>
      </c>
      <c r="D137" s="153" t="s">
        <v>169</v>
      </c>
      <c r="E137" s="371">
        <v>40</v>
      </c>
      <c r="F137" s="192">
        <v>43</v>
      </c>
      <c r="G137" s="192">
        <v>43</v>
      </c>
      <c r="H137" s="192">
        <v>0</v>
      </c>
      <c r="I137" s="192">
        <v>40</v>
      </c>
      <c r="J137" s="139">
        <v>0</v>
      </c>
      <c r="K137" s="213">
        <v>1.08</v>
      </c>
      <c r="L137" s="201">
        <v>0</v>
      </c>
    </row>
    <row r="138" spans="2:13" ht="14.25" customHeight="1" x14ac:dyDescent="0.15">
      <c r="B138" s="158"/>
      <c r="C138" s="153" t="s">
        <v>44</v>
      </c>
      <c r="D138" s="153" t="s">
        <v>170</v>
      </c>
      <c r="E138" s="371">
        <v>40</v>
      </c>
      <c r="F138" s="192">
        <v>37</v>
      </c>
      <c r="G138" s="192">
        <v>37</v>
      </c>
      <c r="H138" s="192">
        <v>0</v>
      </c>
      <c r="I138" s="192">
        <v>40</v>
      </c>
      <c r="J138" s="139">
        <v>0</v>
      </c>
      <c r="K138" s="213">
        <v>0.93</v>
      </c>
      <c r="L138" s="201">
        <v>0</v>
      </c>
    </row>
    <row r="139" spans="2:13" ht="7.5" customHeight="1" x14ac:dyDescent="0.15">
      <c r="B139" s="158"/>
      <c r="C139" s="450"/>
      <c r="D139" s="450"/>
      <c r="E139" s="371"/>
      <c r="F139" s="4"/>
      <c r="G139" s="372"/>
      <c r="H139" s="372"/>
      <c r="I139" s="372"/>
      <c r="J139" s="372"/>
      <c r="K139" s="373"/>
      <c r="L139" s="374"/>
    </row>
    <row r="140" spans="2:13" ht="7.5" customHeight="1" x14ac:dyDescent="0.15">
      <c r="B140" s="171"/>
      <c r="C140" s="332"/>
      <c r="D140" s="332"/>
      <c r="E140" s="375"/>
      <c r="F140" s="376"/>
      <c r="G140" s="377"/>
      <c r="H140" s="377"/>
      <c r="I140" s="377"/>
      <c r="J140" s="377"/>
      <c r="K140" s="378"/>
      <c r="L140" s="379"/>
    </row>
    <row r="141" spans="2:13" x14ac:dyDescent="0.15">
      <c r="B141" s="158"/>
      <c r="C141" s="480" t="s">
        <v>64</v>
      </c>
      <c r="D141" s="481"/>
      <c r="E141" s="380">
        <v>80</v>
      </c>
      <c r="F141" s="100">
        <v>80</v>
      </c>
      <c r="G141" s="100">
        <v>80</v>
      </c>
      <c r="H141" s="100">
        <v>0</v>
      </c>
      <c r="I141" s="100">
        <v>80</v>
      </c>
      <c r="J141" s="100">
        <v>0</v>
      </c>
      <c r="K141" s="381">
        <v>1</v>
      </c>
      <c r="L141" s="382">
        <v>0</v>
      </c>
    </row>
    <row r="142" spans="2:13" ht="7.5" customHeight="1" x14ac:dyDescent="0.15">
      <c r="B142" s="160"/>
      <c r="C142" s="237"/>
      <c r="D142" s="237"/>
      <c r="E142" s="383"/>
      <c r="F142" s="384"/>
      <c r="G142" s="385"/>
      <c r="H142" s="385"/>
      <c r="I142" s="385"/>
      <c r="J142" s="385"/>
      <c r="K142" s="385"/>
      <c r="L142" s="191"/>
    </row>
    <row r="143" spans="2:13" ht="13.5" customHeight="1" x14ac:dyDescent="0.15">
      <c r="B143" s="217" t="s">
        <v>462</v>
      </c>
    </row>
  </sheetData>
  <mergeCells count="8">
    <mergeCell ref="C23:D23"/>
    <mergeCell ref="C54:D54"/>
    <mergeCell ref="C124:D124"/>
    <mergeCell ref="C141:D141"/>
    <mergeCell ref="C76:D76"/>
    <mergeCell ref="B56:L56"/>
    <mergeCell ref="B126:L126"/>
    <mergeCell ref="C107:D107"/>
  </mergeCells>
  <phoneticPr fontId="5"/>
  <printOptions horizontalCentered="1"/>
  <pageMargins left="0.78740157480314965" right="0.78740157480314965" top="0.78740157480314965" bottom="0.59055118110236227" header="0.51181102362204722" footer="0.39370078740157483"/>
  <pageSetup paperSize="9" scale="74" firstPageNumber="13" fitToHeight="0" orientation="portrait" blackAndWhite="1" useFirstPageNumber="1" r:id="rId1"/>
  <headerFooter alignWithMargins="0">
    <oddFooter>&amp;C&amp;P</oddFooter>
  </headerFooter>
  <rowBreaks count="1" manualBreakCount="1">
    <brk id="79" max="11"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J39" sqref="J39"/>
    </sheetView>
  </sheetViews>
  <sheetFormatPr defaultRowHeight="13.5" x14ac:dyDescent="0.15"/>
  <sheetData/>
  <phoneticPr fontId="2"/>
  <pageMargins left="0.7" right="0.7" top="0.75" bottom="0.75" header="0.3" footer="0.3"/>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6</vt:i4>
      </vt:variant>
    </vt:vector>
  </HeadingPairs>
  <TitlesOfParts>
    <vt:vector size="12" baseType="lpstr">
      <vt:lpstr>普通科・クリエイティブ</vt:lpstr>
      <vt:lpstr>専門学科</vt:lpstr>
      <vt:lpstr>単位制</vt:lpstr>
      <vt:lpstr>定時制・通信制</vt:lpstr>
      <vt:lpstr>特別募集等</vt:lpstr>
      <vt:lpstr>Sheet1</vt:lpstr>
      <vt:lpstr>専門学科!Print_Area</vt:lpstr>
      <vt:lpstr>単位制!Print_Area</vt:lpstr>
      <vt:lpstr>定時制・通信制!Print_Area</vt:lpstr>
      <vt:lpstr>特別募集等!Print_Area</vt:lpstr>
      <vt:lpstr>普通科・クリエイティブ!Print_Area</vt:lpstr>
      <vt:lpstr>普通科・クリエイティブ!Print_Titles</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池田 岳史</dc:creator>
  <cp:keywords/>
  <dc:description/>
  <cp:lastModifiedBy>user</cp:lastModifiedBy>
  <cp:revision>0</cp:revision>
  <cp:lastPrinted>2024-02-28T09:30:38Z</cp:lastPrinted>
  <dcterms:created xsi:type="dcterms:W3CDTF">1601-01-01T00:00:00Z</dcterms:created>
  <dcterms:modified xsi:type="dcterms:W3CDTF">2024-02-29T08:09:35Z</dcterms:modified>
  <cp:category/>
</cp:coreProperties>
</file>